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340,360-2023 Injekčné dávkovače, infúzne dávkovače, dokovacie stanice\03. Príprava\06. PTK\01. Odoslané\"/>
    </mc:Choice>
  </mc:AlternateContent>
  <bookViews>
    <workbookView xWindow="0" yWindow="0" windowWidth="23040" windowHeight="9195"/>
  </bookViews>
  <sheets>
    <sheet name="PTK - Ponuka" sheetId="8" r:id="rId1"/>
  </sheets>
  <definedNames>
    <definedName name="_xlnm.Print_Area" localSheetId="0">'PTK - Ponuka'!$A$1:$F$22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79" uniqueCount="266">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5.</t>
  </si>
  <si>
    <t>6.</t>
  </si>
  <si>
    <t>7.</t>
  </si>
  <si>
    <t>8.</t>
  </si>
  <si>
    <t>9.</t>
  </si>
  <si>
    <t>10.</t>
  </si>
  <si>
    <t>11.</t>
  </si>
  <si>
    <t>12.</t>
  </si>
  <si>
    <t>13.</t>
  </si>
  <si>
    <t>14.</t>
  </si>
  <si>
    <t>15.</t>
  </si>
  <si>
    <t>16.</t>
  </si>
  <si>
    <t>17.</t>
  </si>
  <si>
    <t>18.</t>
  </si>
  <si>
    <t>Injekčné dávkovače, infúzne dávkovače, dokovacie stanice</t>
  </si>
  <si>
    <t>33194100-7 Prístroje a nástroje na infúziu</t>
  </si>
  <si>
    <t>Požaduje sa dodanie nových, nepoužívaných a nerepasovaných prístrojov na kontinuálne podávanie liekov, roztokov a infúznej terapie.</t>
  </si>
  <si>
    <t>Položka č. 2</t>
  </si>
  <si>
    <t>Položka č. 3</t>
  </si>
  <si>
    <t>Injektomat</t>
  </si>
  <si>
    <t>Infúzna pumpa</t>
  </si>
  <si>
    <t>Dokovacia stanica</t>
  </si>
  <si>
    <t>Položka č. 1 - Injektomat</t>
  </si>
  <si>
    <t>Položka č. 2 - Infúzna pumpa</t>
  </si>
  <si>
    <t>Položka č. 3 - Dokovacia stanica</t>
  </si>
  <si>
    <t>Prístroj použiteľný samostatne aj v dokovacej stanici</t>
  </si>
  <si>
    <t>Možnosť použitia striekačiek bežných objemov, minim.: 5,10,20,50 a 60ml.</t>
  </si>
  <si>
    <t>Možnosť použitia pre parenterálne podávanie, enterálne podávanie, podávanie svetlocitlivých liekov, a podávanie transfúzie (dodávateľ musí mať v sortimente aj príslušné súpravy, event. možnosť presnej kalibrácie príslušnej súpravy)</t>
  </si>
  <si>
    <t>Presnosť pri dávkovaní: ± 2 %</t>
  </si>
  <si>
    <t>Automatické uchytenie piesta striekačky čeľusťami pumpy.</t>
  </si>
  <si>
    <t xml:space="preserve">Mechanická brzda piestu striekačky – bezpečnostný prvok. Bráni podaniu nežiadúceho bolusu pri manipulácii. </t>
  </si>
  <si>
    <t xml:space="preserve">Nastavenie citlivosti oklúzneho tlaku v min. 9 stupňoch.  </t>
  </si>
  <si>
    <t>Režim KVO: rozsah nastavenia 0,1 – 3 ml/h</t>
  </si>
  <si>
    <t>História udalostí:  pamäť na min. 100 záznamov udalostí. História udalostí musí ostať zachovaná aj po vybratí batérie.</t>
  </si>
  <si>
    <t>Možnosť zobraziť na displeji údaje o posledných minim 30 alarmoch a 30 posledných bolusoch</t>
  </si>
  <si>
    <t>Režimy bolusu: manuálny, naprogramovaný s prednastavením objemu/času bolusu a opakovaný posledný naprogramovaný bolus</t>
  </si>
  <si>
    <t>Alarmy – vizuálne a zvukové, regulácia hlasitosti zvukového alarmu, textové hlásenie príčiny alarmu:</t>
  </si>
  <si>
    <t>12.1</t>
  </si>
  <si>
    <t>- detekcia vloženia a správnosti injekčnej striekačky</t>
  </si>
  <si>
    <t>12.2</t>
  </si>
  <si>
    <t>- meranie tlaku a alarm pri prekročení nastavenej hranice oklúzneho tlaku</t>
  </si>
  <si>
    <t>12.3</t>
  </si>
  <si>
    <t>- predalarm pred ukončením podávania infúzie (nastaviteľný interval)</t>
  </si>
  <si>
    <t>12.4</t>
  </si>
  <si>
    <t xml:space="preserve">- signalizácia ukončenia podávania infúzie (prázdna striekačka) </t>
  </si>
  <si>
    <t>12.5</t>
  </si>
  <si>
    <t>- signalizácia ukončenia podávania prednastaveného objemu</t>
  </si>
  <si>
    <t>12.6</t>
  </si>
  <si>
    <t>- predalarm vybitia akumulátora a signalizácia vybitého akumulátora</t>
  </si>
  <si>
    <t>12.7</t>
  </si>
  <si>
    <t>- dlhšia nečinnosť zapnutého prístroja</t>
  </si>
  <si>
    <t>12.8</t>
  </si>
  <si>
    <t>- ukončenie Stand-by</t>
  </si>
  <si>
    <t>12.9</t>
  </si>
  <si>
    <t>- vnútorná porucha prístroja</t>
  </si>
  <si>
    <t>Pumpa musí disponovať záložným generátorom zvukových alarmov v prípade výpadku štandardného generátora alarmov</t>
  </si>
  <si>
    <t>Pri zobrazení alarmového hlásenia na displeji musí ostať zobrazený názov lieku a nastavená rýchlosť dávkovania</t>
  </si>
  <si>
    <t>Možnosť zadať zoznam minim.  50 liekov, obsahujúcich názov, koncentráciu, rýchlosť podávania a rýchlosť dávky, nastavenie event.  bolusu, s možnosťou zaradenia liekov do minimálne 10 kategórií</t>
  </si>
  <si>
    <t xml:space="preserve">Farebné kódovanie liekov podľa normy ISO </t>
  </si>
  <si>
    <t>Komunikácia pumpy cez rozhranie WiFi.</t>
  </si>
  <si>
    <t>Farebný dotykový displej, minimálne 4 palcový, rezistívny, umožňujúci obsluhu aj v mokrých rukaviciach</t>
  </si>
  <si>
    <t>19.</t>
  </si>
  <si>
    <t>Mechanické tlačidlá minimálne pre Zapnutie/vypnutie prístroja a zastavenie dávkovania STOP</t>
  </si>
  <si>
    <t>20.</t>
  </si>
  <si>
    <t>Možnosť nastavenia úrovne osvetlenia displeja manuálne aj automaticky pomocou snímača jasu okolia</t>
  </si>
  <si>
    <t>21.</t>
  </si>
  <si>
    <t>Nemožnosť úplne vypnúť prístroj v prípade, že je vložená striekčka</t>
  </si>
  <si>
    <t>22.</t>
  </si>
  <si>
    <t>Akumulátor s kapacitou na min. 11 hodín prevádzky pri rýchlosti 25 ml/h s vypnutým WiFi a min. 8 hodín pri rýchlosti 100 ml/h pri zapnutom WiFi</t>
  </si>
  <si>
    <t>23.</t>
  </si>
  <si>
    <t>Doba dobíjania batérie max. 6 hod.</t>
  </si>
  <si>
    <t>24.</t>
  </si>
  <si>
    <t>Možnosť vzájomného fyzického uchytenia minim. troch púmp do zostavy s fixáciou proti ich odpojeniu bez použitia prídavného príslušenstva</t>
  </si>
  <si>
    <t>25.</t>
  </si>
  <si>
    <t>Integrovaná rúčka na prenášanie</t>
  </si>
  <si>
    <t>26.</t>
  </si>
  <si>
    <t>Hmotnosť max. 2,1 kg vrátane akumulátora</t>
  </si>
  <si>
    <t>27.</t>
  </si>
  <si>
    <t>Odporúčaná pravidelná technická prehliadka (BTK) – minimálne dva roky</t>
  </si>
  <si>
    <t>28.</t>
  </si>
  <si>
    <t>Zobrazenie dátumu nasledujúcej BTK na displeji</t>
  </si>
  <si>
    <t>29.</t>
  </si>
  <si>
    <t xml:space="preserve">Funkcia dlhej pauzy Standby </t>
  </si>
  <si>
    <t>30.</t>
  </si>
  <si>
    <t>Úroveň IP krytia – minimálne proti striekajúcej vode so všetkých uhlov</t>
  </si>
  <si>
    <t>31.</t>
  </si>
  <si>
    <t>Deklarovaná životnosť prístroja cca 10 rokov</t>
  </si>
  <si>
    <t>32.</t>
  </si>
  <si>
    <t>Softvér v slovenskom jazyku alebo českom jazyku.</t>
  </si>
  <si>
    <t>33.</t>
  </si>
  <si>
    <t>Dodávateľ prístroja garantuje minimálne 3 ročný záručný servis</t>
  </si>
  <si>
    <t>34.</t>
  </si>
  <si>
    <t>Dodávateľ prístroja garantuje minimálne 6 mesačnú záruku na pozáručný servis</t>
  </si>
  <si>
    <t>1.  </t>
  </si>
  <si>
    <t>Infúzna pumpa kompatibilná s dokovacou stanicou pre injektomat.</t>
  </si>
  <si>
    <t>Presnosť pri dávkovaní: ± 3 %</t>
  </si>
  <si>
    <t>Možnosť použitia bez kvapkového senzora.</t>
  </si>
  <si>
    <t xml:space="preserve">Nastavenie citlivosti oklúzneho tlaku v min. 9 stupňoch. </t>
  </si>
  <si>
    <t>10.1</t>
  </si>
  <si>
    <t>- detekcia vloženia a správnosti infúznej súpravy</t>
  </si>
  <si>
    <t>10.2</t>
  </si>
  <si>
    <t>- otvorené predné dvierka</t>
  </si>
  <si>
    <t>10.3</t>
  </si>
  <si>
    <t>10.4</t>
  </si>
  <si>
    <t>10.5</t>
  </si>
  <si>
    <t>- vzduchový alarm (jednorazová bublina, kumulované bubliny za hodinu), možnosť nastavenia citlivosti</t>
  </si>
  <si>
    <t>10.6</t>
  </si>
  <si>
    <t>10.7</t>
  </si>
  <si>
    <t>10.8</t>
  </si>
  <si>
    <t>10.9</t>
  </si>
  <si>
    <t>10.10</t>
  </si>
  <si>
    <t>Nemožnosť úplne vypnúť prístroj v prípade, že je vložená súprava</t>
  </si>
  <si>
    <t>Akumulátor s kapacitou na min. 10 hodín prevádzky pri rýchlosti 100 ml/h s vypnutým WiFi.</t>
  </si>
  <si>
    <t>Úroveň IP krytia – minimálne proti striekajúcej vode so všetkých uhlov – IP x4</t>
  </si>
  <si>
    <t>Dodávateľ prístroja garantuje minimálne 6 mesačnú záruku na pozáručný servis.</t>
  </si>
  <si>
    <t>Stanica na uchytenie minim. 4 prístrojov (lineárnych dávkovačov, infúznych púmp, alebo kombinácia).</t>
  </si>
  <si>
    <t>Napájanie vložených prístrojov a zároveň nabíjanie batérií tak, aby bol použitý iba jeden sieťový kábel.</t>
  </si>
  <si>
    <t>Jednoduché vybratie ktoréhokoľvek prístroja (dávkovača, pumpy) bez nutnosti manipulácie s iným prístrojmi umiestenými v stanici a jeho umiestenie v stanici v ktorejkoľvek voľnej pozícii.</t>
  </si>
  <si>
    <t>Možnosť rozšírenia celkovej zostavy až pre najmenej 8 prístrojov (dávkovačov, púmp).</t>
  </si>
  <si>
    <t>Integrovaná záložná batéria s kapacitou napájania na minimálne 4 hodiny činnosti dokovacej stanice, indikátor zostatkovej kapacity batérie.</t>
  </si>
  <si>
    <t>Úroveň IP krytia – minimálne proti striekajúcej vode so všetkých uhlov -  IP x4</t>
  </si>
  <si>
    <t>Integrovaný systém na uchytenie infúznych hadičiek smerujúcich k pacientovi.</t>
  </si>
  <si>
    <t>Hmotnosť dokovacej stanice s horným krytom do 5,3 kg.</t>
  </si>
  <si>
    <t>Výška dokovacej stanice s horným krytom pre 4 prístroje do 50 cm.</t>
  </si>
  <si>
    <t>Centrálny zvukový a svetelný alarm v hornom kryte, možnosť nastavenia hlasitosti zvuku alarmu.</t>
  </si>
  <si>
    <t>Možnosť vzájomného fyzického spojenia viacerých dokovacích staníc do jedného celku, integrovaný zámok proti odpojeniu</t>
  </si>
  <si>
    <t>Možnosť rozšírenia o dátový modul s rozhraniami pre napojenie na počítačovú sieť.</t>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Požadované množstvo MJ za zmluvné obdobie</t>
  </si>
  <si>
    <t>Požaduje sa uzatvorenie kúpnej zmluvy.</t>
  </si>
  <si>
    <t>Požaduje sa dodanie nových, nepoužívaných a nerepasovaných prístrojov/zariadení :</t>
  </si>
  <si>
    <t>2.1.</t>
  </si>
  <si>
    <t>do tridsiatich (30) pracovných dní od dňa nadobudnutia účinnosti zmluvy, resp. odo dňa doručenia Oznámenia o splnení objednávateľom stanovených podmienok a požiadaviek na predmet zákazky dodávateľovi (ďalej len "Oznámenie"),</t>
  </si>
  <si>
    <t>2.2.</t>
  </si>
  <si>
    <t>v pracovných dňoch,</t>
  </si>
  <si>
    <t>2.3.</t>
  </si>
  <si>
    <t>v čase od 08:00 hod. do 14:30 hod.,</t>
  </si>
  <si>
    <t>2.4.</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 päť (5) pracovných dní vopred tak, aby objednávateľ mohol poskynúť potrebnú súčinnosť pri dodaní,</t>
  </si>
  <si>
    <t>2.6.</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Objednávateľ zabezpečí za účelom prevzatia zariadenia prístup pre osoby poverené dodávateľom na čas nevyhnutný na vyloženie, kompletizáciu a inštaláciu zariadenia. </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zariadeni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Dodávateľ je povinný vystaviť faktúru za dodaný tovar v súlade s ustanovením §73 zákona č. 222/2004 Z. z. o dani z pridanej hodnoty v znení neskorších predpisov (ďalej len „zákon o DPH“).</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r>
      <t xml:space="preserve">Požaduje sa v zmysle § 340b ods. 5 zákona č. 513/1991 Z.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úrovanej sumy.                                                                                                                                                             </t>
    </r>
    <r>
      <rPr>
        <sz val="9"/>
        <rFont val="Arial"/>
        <family val="2"/>
        <charset val="238"/>
      </rPr>
      <t>*V prípade, ak sa predávajúci rozhodne kupujúcemu poskytnúť zľavu za tzv. predčasnú úhradu (t. t. úhradu pred uplynutím lehoty splatnosti), uvedie výšku %, v akej bude zľava z fakturovanej sumy poskytnutá. Ak takúto zľavu predávajúci nechce poskytnúť, uvedie 0%.</t>
    </r>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12.1.</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12.2.</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14.1.</t>
  </si>
  <si>
    <t>oprava vád a porúch zariadenia, t.j. uvedenie zariadenia do stavu plnej využiteľnosti vzhľadom k jeho technickým parametrom,</t>
  </si>
  <si>
    <t>14.2.</t>
  </si>
  <si>
    <t>dodávka a výmena všetkých potrebných náhradných dielov a súčiastok v prípade ich poruchy, ktoré sami o sebe majú kratšiu dobu životnosti, alebo kratšiu záručnú dobu, ako je záručná doba poskytovaná dodávateľom,</t>
  </si>
  <si>
    <t>14.3.</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14.4.</t>
  </si>
  <si>
    <t>dodávky a zabudovanie náhradných dielov, ktoré sú potrebné k riadnej a bezporuchovej prevádzke zariadnia, vrátane demontáže, odvozu a likvidácie použitého a nepotrebného spotrebného materiálu, náplní a náhradných dielov,</t>
  </si>
  <si>
    <t>14.5.</t>
  </si>
  <si>
    <t>vykonanie validácií a kalibrácií zariadenia (resp. jeho relevantných častí) s perididicitou podľa odporučenia výrobcu zariadenia, min. však jedenkrát ročne,</t>
  </si>
  <si>
    <t>14.6.</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14.7.</t>
  </si>
  <si>
    <t>vykonanie ďalších servisných úkonov a činností predpísaných príslušnou právnou úpravou a aplikovateľnými normami,</t>
  </si>
  <si>
    <t>14.8.</t>
  </si>
  <si>
    <t>práce (servisné hodiny) a dojazdy servisných technikov dodávateľa do miesta inštalácie zariadenia v rámci zabezpečenia záručného servisu,</t>
  </si>
  <si>
    <t>14.9.</t>
  </si>
  <si>
    <t>vykonanie akýchkoľvek neplánovaných opráv a údržby, ktoré nevyplývajú zo servisného plánu výrobcu zariadenia, ak takáto oprava je nevyhnutná za účelom zabezpečenia prevádzky zariadenia, vrátane generálnej opravy.</t>
  </si>
  <si>
    <t xml:space="preserve">Servisný technik dodávateľa je povinný nastúpiť na odstránenie vady v mieste inštalácie zariadenia do štyridsiatichôsmich (48) hodín od nahlásenia v pracovný deň medzi 7:00 a 16:00 hod., resp. do 12:00 hod. nasledujúceho pracovného dňa, pokiaľ vada bola nahlásená po 16:00 hod. pracovného dňa alebo počas mimopracovného dňa. </t>
  </si>
  <si>
    <t>Dodávateľ je povinný počas trvania záručnej doby odstrániť vady v nasledujúcich lehotách od nástupu na opravu:</t>
  </si>
  <si>
    <t>16.1.</t>
  </si>
  <si>
    <t>oprava vady, pri ktorej nie je potrebná dodávka náhradného dielu najneskôr do sedemdesiatichdvoch (72) hodín,</t>
  </si>
  <si>
    <t>16.2.</t>
  </si>
  <si>
    <t>oprava vady s dodávkou náhradného dielu najneskôr do stodvadsiatich (120) hodín, resp. v závažných prípadoch v termíne po dohode s objednávateľom.</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7.1.</t>
  </si>
  <si>
    <t>nedodržanie lehoty príchodu servisného technika alebo nezačatie odstraňovania vady formou vzdialeného prístupu: 10,-€ (slovom: desať Eur) za každú začatú hodinu omeškania, najviac však do výšky 10% kúpnej ceny zariadenia, a to pre každý jednotlivý prípad omeškania dodávateľa,</t>
  </si>
  <si>
    <t>17.2.</t>
  </si>
  <si>
    <t>nedodržanie dohodnutých lehôt na odstránenie vady: 10,-€ (desať Eur) za každú začatú hodinu omeškania, najviac však do výšky 10% kúpnej ceny zariadenia, a to pre každý jednotlivý prípad omeškania dodávateľa.</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ej boli avizované okolnosti vylučujúce zodpovednosť, právo odstúpiť od tejto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V prípade, ak sa na predmet zákazky vykonala prípravná trhová konzultácia, informácie k prípravnej trhovej konzultácie verejný obstarávateľ zverejňuje na www.vusch.sk/verejne-obstaravanie/.</t>
  </si>
  <si>
    <r>
      <t xml:space="preserve">Zoznam a kontaktné údaje servisných stredísk </t>
    </r>
    <r>
      <rPr>
        <sz val="10"/>
        <color theme="1"/>
        <rFont val="Arial"/>
        <family val="2"/>
        <charset val="238"/>
      </rPr>
      <t>dodávateľa pre potreby plnenia zmluvy</t>
    </r>
  </si>
  <si>
    <r>
      <rPr>
        <b/>
        <sz val="10"/>
        <color theme="1"/>
        <rFont val="Arial"/>
        <family val="2"/>
        <charset val="238"/>
      </rPr>
      <t>Kontaktné údaje na Klientske pracovisko uchádzača</t>
    </r>
    <r>
      <rPr>
        <sz val="10"/>
        <color theme="1"/>
        <rFont val="Arial"/>
        <family val="2"/>
        <charset val="238"/>
      </rPr>
      <t xml:space="preserve"> - tzv. „Hotline", „Helpdesk", „Call centrum ..."pre potreby plnenia zmluvy</t>
    </r>
  </si>
  <si>
    <t xml:space="preserve">Potvrdenie o autorizovanom servise vydané výrobcom ponúkaných produktov,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servisnej organizácie.
</t>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
      <u/>
      <sz val="11"/>
      <color theme="10"/>
      <name val="Calibri"/>
      <family val="2"/>
      <charset val="238"/>
      <scheme val="minor"/>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25">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s>
  <cellStyleXfs count="8">
    <xf numFmtId="0" fontId="0" fillId="0" borderId="0"/>
    <xf numFmtId="0" fontId="4" fillId="0" borderId="0"/>
    <xf numFmtId="0" fontId="4" fillId="0" borderId="0"/>
    <xf numFmtId="0" fontId="1" fillId="0" borderId="0"/>
    <xf numFmtId="0" fontId="4" fillId="0" borderId="0"/>
    <xf numFmtId="0" fontId="1" fillId="0" borderId="0"/>
    <xf numFmtId="0" fontId="4" fillId="0" borderId="0"/>
    <xf numFmtId="0" fontId="16" fillId="0" borderId="0" applyNumberFormat="0" applyFill="0" applyBorder="0" applyAlignment="0" applyProtection="0"/>
  </cellStyleXfs>
  <cellXfs count="152">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vertical="center"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15" xfId="0" applyNumberFormat="1" applyFont="1" applyFill="1" applyBorder="1" applyAlignment="1" applyProtection="1">
      <alignment horizontal="center" vertical="center" wrapText="1"/>
    </xf>
    <xf numFmtId="0" fontId="3" fillId="6" borderId="8" xfId="0" applyFont="1" applyFill="1" applyBorder="1" applyAlignment="1" applyProtection="1">
      <alignment horizontal="left" vertical="center" wrapText="1"/>
    </xf>
    <xf numFmtId="49" fontId="2" fillId="6" borderId="9" xfId="0" applyNumberFormat="1" applyFont="1" applyFill="1" applyBorder="1" applyAlignment="1" applyProtection="1">
      <alignment horizontal="center" vertical="center" wrapText="1"/>
    </xf>
    <xf numFmtId="0" fontId="2" fillId="6" borderId="16" xfId="0" applyFont="1" applyFill="1" applyBorder="1" applyAlignment="1" applyProtection="1">
      <alignment horizontal="left" vertical="center" wrapText="1"/>
    </xf>
    <xf numFmtId="3" fontId="4" fillId="0" borderId="8" xfId="0" applyNumberFormat="1" applyFont="1" applyFill="1" applyBorder="1" applyAlignment="1" applyProtection="1">
      <alignment horizontal="center" vertical="center" wrapText="1"/>
      <protection locked="0"/>
    </xf>
    <xf numFmtId="0" fontId="2" fillId="0" borderId="13" xfId="0" applyNumberFormat="1" applyFont="1" applyBorder="1" applyAlignment="1" applyProtection="1">
      <alignment horizontal="center" vertical="center" wrapText="1"/>
      <protection locked="0"/>
    </xf>
    <xf numFmtId="0" fontId="2" fillId="0" borderId="16" xfId="0" applyNumberFormat="1"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2" fillId="6" borderId="8" xfId="0" applyFont="1" applyFill="1" applyBorder="1" applyAlignment="1" applyProtection="1">
      <alignment horizontal="left" vertical="center" wrapText="1"/>
    </xf>
    <xf numFmtId="0" fontId="7" fillId="0" borderId="8" xfId="0" applyNumberFormat="1" applyFont="1" applyBorder="1" applyAlignment="1" applyProtection="1">
      <alignment horizontal="center" vertical="center" wrapText="1"/>
      <protection locked="0"/>
    </xf>
    <xf numFmtId="49" fontId="2" fillId="0" borderId="6" xfId="0" applyNumberFormat="1" applyFont="1" applyFill="1" applyBorder="1" applyAlignment="1" applyProtection="1">
      <alignment horizontal="center" vertical="center" wrapText="1"/>
    </xf>
    <xf numFmtId="49" fontId="2" fillId="6" borderId="6" xfId="0" applyNumberFormat="1" applyFont="1" applyFill="1" applyBorder="1" applyAlignment="1" applyProtection="1">
      <alignment horizontal="center" vertical="center" wrapText="1"/>
    </xf>
    <xf numFmtId="49" fontId="4" fillId="6" borderId="13" xfId="0" applyNumberFormat="1" applyFont="1" applyFill="1" applyBorder="1" applyAlignment="1" applyProtection="1">
      <alignment horizontal="left" vertical="center" wrapText="1"/>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0" fontId="7" fillId="0" borderId="0" xfId="5" applyFont="1" applyAlignment="1" applyProtection="1">
      <alignment horizontal="center" vertical="top" wrapText="1"/>
      <protection locked="0"/>
    </xf>
    <xf numFmtId="49" fontId="3" fillId="0" borderId="0" xfId="0" applyNumberFormat="1" applyFont="1" applyFill="1" applyAlignment="1" applyProtection="1">
      <alignment horizontal="left" vertical="center" wrapText="1"/>
      <protection locked="0"/>
    </xf>
    <xf numFmtId="0" fontId="2" fillId="0" borderId="6" xfId="0" applyFont="1" applyBorder="1" applyAlignment="1" applyProtection="1">
      <alignment horizontal="center" vertical="center" wrapText="1"/>
    </xf>
    <xf numFmtId="0" fontId="2" fillId="0" borderId="8" xfId="0" applyFont="1" applyBorder="1" applyAlignment="1" applyProtection="1">
      <alignment horizontal="left" vertical="center" wrapText="1"/>
    </xf>
    <xf numFmtId="49" fontId="2" fillId="0" borderId="6" xfId="0" applyNumberFormat="1" applyFont="1" applyBorder="1" applyAlignment="1" applyProtection="1">
      <alignment horizontal="right" vertical="center"/>
    </xf>
    <xf numFmtId="0" fontId="2" fillId="0" borderId="9" xfId="0" applyFont="1" applyBorder="1" applyAlignment="1" applyProtection="1">
      <alignment horizontal="center" vertical="center" wrapText="1"/>
    </xf>
    <xf numFmtId="0" fontId="2" fillId="0" borderId="13" xfId="0" applyFont="1" applyBorder="1" applyAlignment="1" applyProtection="1">
      <alignment horizontal="left" vertical="center" wrapText="1"/>
    </xf>
    <xf numFmtId="49" fontId="2" fillId="0" borderId="15" xfId="0" applyNumberFormat="1" applyFont="1" applyBorder="1" applyAlignment="1" applyProtection="1">
      <alignment vertical="center" wrapText="1"/>
    </xf>
    <xf numFmtId="0" fontId="4" fillId="6" borderId="16" xfId="0" applyFont="1" applyFill="1" applyBorder="1" applyAlignment="1" applyProtection="1">
      <alignment horizontal="left" vertical="center" wrapText="1"/>
    </xf>
    <xf numFmtId="49" fontId="2" fillId="0" borderId="6" xfId="0" applyNumberFormat="1" applyFont="1" applyFill="1" applyBorder="1" applyAlignment="1" applyProtection="1">
      <alignment vertical="center" wrapText="1"/>
    </xf>
    <xf numFmtId="0" fontId="4" fillId="6" borderId="8" xfId="0" applyFont="1" applyFill="1" applyBorder="1" applyAlignment="1" applyProtection="1">
      <alignment horizontal="left" vertical="center" wrapText="1"/>
    </xf>
    <xf numFmtId="49" fontId="2" fillId="6" borderId="6" xfId="0" applyNumberFormat="1" applyFont="1" applyFill="1" applyBorder="1" applyAlignment="1" applyProtection="1">
      <alignment vertical="center" wrapText="1"/>
    </xf>
    <xf numFmtId="0" fontId="4" fillId="0" borderId="8" xfId="0" applyFont="1" applyFill="1" applyBorder="1" applyAlignment="1" applyProtection="1">
      <alignment horizontal="left" vertical="center" wrapText="1"/>
    </xf>
    <xf numFmtId="49" fontId="2" fillId="6" borderId="6" xfId="0" applyNumberFormat="1" applyFont="1" applyFill="1" applyBorder="1" applyAlignment="1" applyProtection="1">
      <alignment horizontal="left" vertical="center" wrapText="1"/>
    </xf>
    <xf numFmtId="0" fontId="4" fillId="6" borderId="8" xfId="7" applyFont="1" applyFill="1" applyBorder="1" applyAlignment="1" applyProtection="1">
      <alignment vertical="center" wrapText="1"/>
    </xf>
    <xf numFmtId="49" fontId="2" fillId="6" borderId="9" xfId="0" applyNumberFormat="1" applyFont="1" applyFill="1" applyBorder="1" applyAlignment="1" applyProtection="1">
      <alignment vertical="center" wrapText="1"/>
    </xf>
    <xf numFmtId="0" fontId="4" fillId="6" borderId="13" xfId="7" applyFont="1" applyFill="1" applyBorder="1" applyAlignment="1" applyProtection="1">
      <alignment vertical="center" wrapText="1"/>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49" fontId="5" fillId="5" borderId="6" xfId="0" applyNumberFormat="1" applyFont="1" applyFill="1" applyBorder="1" applyAlignment="1" applyProtection="1">
      <alignment horizontal="left" vertical="center" wrapText="1"/>
      <protection locked="0"/>
    </xf>
    <xf numFmtId="49" fontId="5" fillId="5" borderId="8" xfId="0" applyNumberFormat="1" applyFont="1" applyFill="1" applyBorder="1" applyAlignment="1" applyProtection="1">
      <alignment horizontal="left" vertical="center" wrapText="1"/>
      <protection locked="0"/>
    </xf>
    <xf numFmtId="49" fontId="5" fillId="5" borderId="7" xfId="0" applyNumberFormat="1" applyFont="1" applyFill="1" applyBorder="1" applyAlignment="1" applyProtection="1">
      <alignment horizontal="left" vertical="center"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0" fontId="4" fillId="0" borderId="3" xfId="0" applyFont="1" applyFill="1" applyBorder="1" applyAlignment="1" applyProtection="1">
      <alignment horizontal="left" vertical="center" wrapText="1"/>
      <protection locked="0"/>
    </xf>
    <xf numFmtId="0" fontId="4" fillId="0" borderId="4" xfId="0" applyFont="1" applyFill="1" applyBorder="1" applyAlignment="1" applyProtection="1">
      <alignment horizontal="left" vertical="center" wrapText="1"/>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0" fontId="2" fillId="0" borderId="0" xfId="0" applyFont="1" applyAlignment="1" applyProtection="1">
      <alignment horizontal="left" wrapText="1"/>
      <protection locked="0"/>
    </xf>
    <xf numFmtId="49" fontId="3" fillId="0" borderId="0" xfId="0" applyNumberFormat="1" applyFont="1" applyFill="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0" fontId="13" fillId="0" borderId="0" xfId="0" applyFont="1" applyAlignment="1" applyProtection="1">
      <alignment horizontal="left"/>
      <protection locked="0"/>
    </xf>
    <xf numFmtId="0" fontId="3" fillId="4" borderId="0" xfId="0" applyFont="1" applyFill="1" applyAlignment="1" applyProtection="1">
      <alignment horizontal="center" vertical="center" wrapText="1"/>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49" fontId="4" fillId="2" borderId="23" xfId="0" applyNumberFormat="1" applyFont="1" applyFill="1" applyBorder="1" applyAlignment="1" applyProtection="1">
      <alignment horizontal="center" vertical="center" wrapText="1"/>
      <protection locked="0"/>
    </xf>
    <xf numFmtId="49" fontId="4" fillId="2" borderId="24" xfId="0" applyNumberFormat="1" applyFont="1" applyFill="1" applyBorder="1" applyAlignment="1" applyProtection="1">
      <alignment horizontal="center" vertical="center" wrapText="1"/>
      <protection locked="0"/>
    </xf>
    <xf numFmtId="0" fontId="4" fillId="0" borderId="0" xfId="0" applyFont="1" applyAlignment="1" applyProtection="1">
      <alignment horizontal="left" vertical="top"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cellXfs>
  <cellStyles count="8">
    <cellStyle name="Hypertextové prepojenie" xfId="7" builtinId="8"/>
    <cellStyle name="Normálna" xfId="0" builtinId="0"/>
    <cellStyle name="Normálna 2" xfId="2"/>
    <cellStyle name="Normálna 2 2" xfId="6"/>
    <cellStyle name="Normálne 2" xfId="3"/>
    <cellStyle name="normálne 2 2" xfId="1"/>
    <cellStyle name="normálne 2 2 2" xfId="4"/>
    <cellStyle name="Normálne 4" xfId="5"/>
  </cellStyles>
  <dxfs count="10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4.xml"/><Relationship Id="rId3" Type="http://schemas.openxmlformats.org/officeDocument/2006/relationships/drawing" Target="../drawings/drawing1.xml"/><Relationship Id="rId7" Type="http://schemas.openxmlformats.org/officeDocument/2006/relationships/ctrlProp" Target="../ctrlProps/ctrlProp3.xml"/><Relationship Id="rId2" Type="http://schemas.openxmlformats.org/officeDocument/2006/relationships/printerSettings" Target="../printerSettings/printerSettings1.bin"/><Relationship Id="rId1" Type="http://schemas.openxmlformats.org/officeDocument/2006/relationships/hyperlink" Target="http://www.vusch.sk/" TargetMode="External"/><Relationship Id="rId6" Type="http://schemas.openxmlformats.org/officeDocument/2006/relationships/ctrlProp" Target="../ctrlProps/ctrlProp2.xml"/><Relationship Id="rId5" Type="http://schemas.openxmlformats.org/officeDocument/2006/relationships/ctrlProp" Target="../ctrlProps/ctrlProp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239"/>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44" t="s">
        <v>43</v>
      </c>
      <c r="C1" s="144"/>
      <c r="D1" s="144"/>
      <c r="E1" s="144"/>
      <c r="F1" s="144"/>
    </row>
    <row r="2" spans="2:6" s="12" customFormat="1" ht="27.75" customHeight="1" x14ac:dyDescent="0.2">
      <c r="B2" s="143" t="s">
        <v>41</v>
      </c>
      <c r="C2" s="143"/>
      <c r="D2" s="143"/>
      <c r="E2" s="143"/>
      <c r="F2" s="143"/>
    </row>
    <row r="3" spans="2:6" s="12" customFormat="1" ht="54.75" customHeight="1" x14ac:dyDescent="0.2">
      <c r="B3" s="148" t="s">
        <v>46</v>
      </c>
      <c r="C3" s="148"/>
      <c r="D3" s="148"/>
      <c r="E3" s="148"/>
      <c r="F3" s="148"/>
    </row>
    <row r="4" spans="2:6" ht="24.95" customHeight="1" x14ac:dyDescent="0.2">
      <c r="B4" s="13" t="s">
        <v>45</v>
      </c>
      <c r="C4" s="14"/>
      <c r="D4" s="71"/>
      <c r="E4" s="71"/>
      <c r="F4" s="71"/>
    </row>
    <row r="5" spans="2:6" ht="24.95" customHeight="1" x14ac:dyDescent="0.2">
      <c r="B5" s="13" t="s">
        <v>44</v>
      </c>
      <c r="C5" s="15"/>
      <c r="D5" s="71"/>
      <c r="E5" s="71"/>
      <c r="F5" s="71"/>
    </row>
    <row r="6" spans="2:6" ht="15.75" customHeight="1" x14ac:dyDescent="0.2">
      <c r="B6" s="71"/>
      <c r="C6" s="71"/>
      <c r="D6" s="71"/>
      <c r="E6" s="71"/>
      <c r="F6" s="71"/>
    </row>
    <row r="7" spans="2:6" s="16" customFormat="1" ht="20.100000000000001" customHeight="1" x14ac:dyDescent="0.25">
      <c r="B7" s="126" t="s">
        <v>5</v>
      </c>
      <c r="C7" s="126"/>
      <c r="D7" s="126"/>
      <c r="E7" s="126"/>
      <c r="F7" s="126"/>
    </row>
    <row r="8" spans="2:6" s="16" customFormat="1" ht="20.100000000000001" customHeight="1" x14ac:dyDescent="0.25">
      <c r="B8" s="149" t="s">
        <v>9</v>
      </c>
      <c r="C8" s="149"/>
      <c r="D8" s="149"/>
      <c r="E8" s="149"/>
      <c r="F8" s="149"/>
    </row>
    <row r="9" spans="2:6" ht="28.5" customHeight="1" x14ac:dyDescent="0.2">
      <c r="B9" s="150" t="s">
        <v>79</v>
      </c>
      <c r="C9" s="150"/>
      <c r="D9" s="150"/>
      <c r="E9" s="150"/>
      <c r="F9" s="150"/>
    </row>
    <row r="10" spans="2:6" ht="4.5" customHeight="1" x14ac:dyDescent="0.2">
      <c r="B10" s="17"/>
      <c r="C10" s="17"/>
      <c r="D10" s="17"/>
      <c r="E10" s="17"/>
      <c r="F10" s="17"/>
    </row>
    <row r="11" spans="2:6" s="16" customFormat="1" ht="20.100000000000001" customHeight="1" x14ac:dyDescent="0.25">
      <c r="B11" s="151" t="s">
        <v>10</v>
      </c>
      <c r="C11" s="151"/>
      <c r="D11" s="151"/>
      <c r="E11" s="151"/>
      <c r="F11" s="151"/>
    </row>
    <row r="12" spans="2:6" s="19" customFormat="1" ht="20.100000000000001" customHeight="1" x14ac:dyDescent="0.25">
      <c r="B12" s="105" t="s">
        <v>80</v>
      </c>
      <c r="C12" s="105"/>
      <c r="D12" s="105"/>
      <c r="E12" s="18"/>
      <c r="F12" s="18"/>
    </row>
    <row r="13" spans="2:6" s="19" customFormat="1" ht="20.100000000000001" customHeight="1" x14ac:dyDescent="0.25">
      <c r="B13" s="105" t="s">
        <v>60</v>
      </c>
      <c r="C13" s="105"/>
      <c r="D13" s="105"/>
      <c r="E13" s="18"/>
      <c r="F13" s="18"/>
    </row>
    <row r="14" spans="2:6" ht="4.5" customHeight="1" x14ac:dyDescent="0.2">
      <c r="B14" s="72"/>
      <c r="C14" s="72"/>
      <c r="D14" s="72"/>
      <c r="E14" s="17"/>
      <c r="F14" s="17"/>
    </row>
    <row r="15" spans="2:6" ht="20.100000000000001" customHeight="1" x14ac:dyDescent="0.2">
      <c r="B15" s="20" t="s">
        <v>11</v>
      </c>
      <c r="C15" s="21"/>
      <c r="D15" s="21"/>
      <c r="E15" s="22"/>
      <c r="F15" s="22"/>
    </row>
    <row r="16" spans="2:6" s="25" customFormat="1" ht="24.95" customHeight="1" x14ac:dyDescent="0.25">
      <c r="B16" s="147" t="s">
        <v>53</v>
      </c>
      <c r="C16" s="147"/>
      <c r="D16" s="147"/>
      <c r="E16" s="23"/>
      <c r="F16" s="24"/>
    </row>
    <row r="17" spans="2:6" ht="5.0999999999999996" customHeight="1" x14ac:dyDescent="0.2">
      <c r="B17" s="107"/>
      <c r="C17" s="107"/>
      <c r="D17" s="107"/>
      <c r="F17" s="27"/>
    </row>
    <row r="18" spans="2:6" s="16" customFormat="1" ht="20.100000000000001" customHeight="1" x14ac:dyDescent="0.25">
      <c r="B18" s="126" t="s">
        <v>23</v>
      </c>
      <c r="C18" s="126"/>
      <c r="D18" s="126"/>
      <c r="E18" s="126"/>
      <c r="F18" s="126"/>
    </row>
    <row r="19" spans="2:6" ht="33" customHeight="1" x14ac:dyDescent="0.2">
      <c r="B19" s="106" t="s">
        <v>81</v>
      </c>
      <c r="C19" s="106"/>
      <c r="D19" s="106"/>
      <c r="E19" s="106"/>
      <c r="F19" s="106"/>
    </row>
    <row r="20" spans="2:6" ht="5.0999999999999996" customHeight="1" x14ac:dyDescent="0.2">
      <c r="B20" s="107"/>
      <c r="C20" s="107"/>
      <c r="D20" s="107"/>
      <c r="F20" s="27"/>
    </row>
    <row r="21" spans="2:6" s="16" customFormat="1" ht="20.100000000000001" customHeight="1" x14ac:dyDescent="0.25">
      <c r="B21" s="126" t="s">
        <v>24</v>
      </c>
      <c r="C21" s="126"/>
      <c r="D21" s="126"/>
      <c r="E21" s="126"/>
      <c r="F21" s="126"/>
    </row>
    <row r="22" spans="2:6" s="28" customFormat="1" ht="20.100000000000001" customHeight="1" x14ac:dyDescent="0.25">
      <c r="B22" s="108" t="s">
        <v>6</v>
      </c>
      <c r="C22" s="108"/>
      <c r="D22" s="108"/>
      <c r="E22" s="108"/>
      <c r="F22" s="108"/>
    </row>
    <row r="23" spans="2:6" s="28" customFormat="1" ht="20.100000000000001" customHeight="1" x14ac:dyDescent="0.25">
      <c r="B23" s="120" t="s">
        <v>17</v>
      </c>
      <c r="C23" s="121"/>
      <c r="D23" s="74"/>
      <c r="E23" s="74"/>
      <c r="F23" s="74"/>
    </row>
    <row r="24" spans="2:6" s="28" customFormat="1" ht="20.100000000000001" customHeight="1" x14ac:dyDescent="0.25">
      <c r="B24" s="29"/>
      <c r="C24" s="29" t="s">
        <v>21</v>
      </c>
      <c r="D24" s="74"/>
      <c r="E24" s="74"/>
      <c r="F24" s="74"/>
    </row>
    <row r="25" spans="2:6" s="28" customFormat="1" ht="20.100000000000001" customHeight="1" x14ac:dyDescent="0.25">
      <c r="B25" s="29"/>
      <c r="C25" s="29" t="s">
        <v>22</v>
      </c>
      <c r="D25" s="74"/>
      <c r="E25" s="74"/>
      <c r="F25" s="74"/>
    </row>
    <row r="26" spans="2:6" s="28" customFormat="1" ht="20.100000000000001" customHeight="1" x14ac:dyDescent="0.25">
      <c r="B26" s="120" t="s">
        <v>18</v>
      </c>
      <c r="C26" s="121"/>
      <c r="D26" s="74"/>
      <c r="E26" s="74"/>
      <c r="F26" s="74"/>
    </row>
    <row r="27" spans="2:6" s="28" customFormat="1" ht="40.5" customHeight="1" x14ac:dyDescent="0.25">
      <c r="B27" s="30" t="s">
        <v>19</v>
      </c>
      <c r="C27" s="109" t="s">
        <v>13</v>
      </c>
      <c r="D27" s="110"/>
      <c r="E27" s="31" t="s">
        <v>12</v>
      </c>
      <c r="F27" s="31" t="s">
        <v>193</v>
      </c>
    </row>
    <row r="28" spans="2:6" s="28" customFormat="1" ht="24.95" customHeight="1" x14ac:dyDescent="0.25">
      <c r="B28" s="32" t="s">
        <v>2</v>
      </c>
      <c r="C28" s="103" t="s">
        <v>84</v>
      </c>
      <c r="D28" s="104"/>
      <c r="E28" s="33" t="s">
        <v>1</v>
      </c>
      <c r="F28" s="61">
        <v>15</v>
      </c>
    </row>
    <row r="29" spans="2:6" s="28" customFormat="1" ht="24.95" customHeight="1" x14ac:dyDescent="0.25">
      <c r="B29" s="32" t="s">
        <v>82</v>
      </c>
      <c r="C29" s="103" t="s">
        <v>85</v>
      </c>
      <c r="D29" s="104"/>
      <c r="E29" s="33" t="s">
        <v>1</v>
      </c>
      <c r="F29" s="61">
        <v>10</v>
      </c>
    </row>
    <row r="30" spans="2:6" s="28" customFormat="1" ht="24.95" customHeight="1" x14ac:dyDescent="0.25">
      <c r="B30" s="32" t="s">
        <v>83</v>
      </c>
      <c r="C30" s="103" t="s">
        <v>86</v>
      </c>
      <c r="D30" s="104"/>
      <c r="E30" s="33" t="s">
        <v>1</v>
      </c>
      <c r="F30" s="61">
        <v>5</v>
      </c>
    </row>
    <row r="31" spans="2:6" s="28" customFormat="1" ht="4.5" customHeight="1" x14ac:dyDescent="0.25">
      <c r="B31" s="74"/>
      <c r="C31" s="74"/>
      <c r="D31" s="74"/>
      <c r="E31" s="74"/>
      <c r="F31" s="74"/>
    </row>
    <row r="32" spans="2:6" s="28" customFormat="1" ht="20.100000000000001" customHeight="1" x14ac:dyDescent="0.25">
      <c r="B32" s="120" t="s">
        <v>20</v>
      </c>
      <c r="C32" s="121"/>
      <c r="D32" s="74"/>
      <c r="E32" s="74"/>
      <c r="F32" s="74"/>
    </row>
    <row r="33" spans="2:7" s="28" customFormat="1" ht="20.100000000000001" customHeight="1" x14ac:dyDescent="0.2">
      <c r="B33" s="12"/>
      <c r="C33" s="28" t="s">
        <v>3</v>
      </c>
      <c r="D33" s="74"/>
      <c r="E33" s="74"/>
      <c r="F33" s="74"/>
    </row>
    <row r="34" spans="2:7" s="28" customFormat="1" ht="20.100000000000001" customHeight="1" x14ac:dyDescent="0.25">
      <c r="B34" s="29"/>
      <c r="C34" s="16" t="s">
        <v>4</v>
      </c>
      <c r="D34" s="74"/>
      <c r="E34" s="74"/>
      <c r="F34" s="74"/>
    </row>
    <row r="35" spans="2:7" ht="5.0999999999999996" customHeight="1" x14ac:dyDescent="0.2"/>
    <row r="36" spans="2:7" s="16" customFormat="1" ht="20.100000000000001" customHeight="1" x14ac:dyDescent="0.25">
      <c r="B36" s="126" t="s">
        <v>25</v>
      </c>
      <c r="C36" s="126"/>
      <c r="D36" s="126"/>
      <c r="E36" s="126"/>
      <c r="F36" s="126"/>
    </row>
    <row r="37" spans="2:7" s="16" customFormat="1" ht="5.0999999999999996" customHeight="1" thickBot="1" x14ac:dyDescent="0.3">
      <c r="B37" s="27"/>
      <c r="D37" s="34"/>
      <c r="E37" s="34"/>
      <c r="F37" s="34"/>
    </row>
    <row r="38" spans="2:7" s="25" customFormat="1" ht="93" customHeight="1" x14ac:dyDescent="0.25">
      <c r="B38" s="111" t="s">
        <v>0</v>
      </c>
      <c r="C38" s="112"/>
      <c r="D38" s="115" t="s">
        <v>54</v>
      </c>
      <c r="E38" s="116"/>
      <c r="F38" s="117"/>
      <c r="G38" s="35"/>
    </row>
    <row r="39" spans="2:7" s="25" customFormat="1" ht="30" customHeight="1" thickBot="1" x14ac:dyDescent="0.3">
      <c r="B39" s="113"/>
      <c r="C39" s="114"/>
      <c r="D39" s="64" t="s">
        <v>26</v>
      </c>
      <c r="E39" s="118" t="s">
        <v>27</v>
      </c>
      <c r="F39" s="119"/>
    </row>
    <row r="40" spans="2:7" s="36" customFormat="1" ht="30.75" customHeight="1" x14ac:dyDescent="0.25">
      <c r="B40" s="122" t="s">
        <v>87</v>
      </c>
      <c r="C40" s="123"/>
      <c r="D40" s="123"/>
      <c r="E40" s="123"/>
      <c r="F40" s="124"/>
    </row>
    <row r="41" spans="2:7" s="38" customFormat="1" ht="30" customHeight="1" x14ac:dyDescent="0.25">
      <c r="B41" s="75" t="s">
        <v>15</v>
      </c>
      <c r="C41" s="76" t="s">
        <v>90</v>
      </c>
      <c r="D41" s="37"/>
      <c r="E41" s="94"/>
      <c r="F41" s="95"/>
    </row>
    <row r="42" spans="2:7" s="38" customFormat="1" ht="27.75" customHeight="1" x14ac:dyDescent="0.25">
      <c r="B42" s="75" t="s">
        <v>50</v>
      </c>
      <c r="C42" s="76" t="s">
        <v>91</v>
      </c>
      <c r="D42" s="37"/>
      <c r="E42" s="94"/>
      <c r="F42" s="95"/>
    </row>
    <row r="43" spans="2:7" s="38" customFormat="1" ht="53.25" customHeight="1" x14ac:dyDescent="0.25">
      <c r="B43" s="75" t="s">
        <v>51</v>
      </c>
      <c r="C43" s="76" t="s">
        <v>92</v>
      </c>
      <c r="D43" s="37"/>
      <c r="E43" s="94"/>
      <c r="F43" s="95"/>
    </row>
    <row r="44" spans="2:7" s="38" customFormat="1" ht="34.5" customHeight="1" x14ac:dyDescent="0.25">
      <c r="B44" s="75" t="s">
        <v>52</v>
      </c>
      <c r="C44" s="76" t="s">
        <v>93</v>
      </c>
      <c r="D44" s="37"/>
      <c r="E44" s="94"/>
      <c r="F44" s="95"/>
    </row>
    <row r="45" spans="2:7" s="38" customFormat="1" ht="34.5" customHeight="1" x14ac:dyDescent="0.25">
      <c r="B45" s="75" t="s">
        <v>65</v>
      </c>
      <c r="C45" s="76" t="s">
        <v>94</v>
      </c>
      <c r="D45" s="37"/>
      <c r="E45" s="94"/>
      <c r="F45" s="95"/>
    </row>
    <row r="46" spans="2:7" s="38" customFormat="1" ht="30" customHeight="1" x14ac:dyDescent="0.25">
      <c r="B46" s="75" t="s">
        <v>66</v>
      </c>
      <c r="C46" s="76" t="s">
        <v>95</v>
      </c>
      <c r="D46" s="37"/>
      <c r="E46" s="94"/>
      <c r="F46" s="95"/>
    </row>
    <row r="47" spans="2:7" s="38" customFormat="1" ht="30" customHeight="1" x14ac:dyDescent="0.25">
      <c r="B47" s="75" t="s">
        <v>67</v>
      </c>
      <c r="C47" s="76" t="s">
        <v>96</v>
      </c>
      <c r="D47" s="37"/>
      <c r="E47" s="94"/>
      <c r="F47" s="95"/>
    </row>
    <row r="48" spans="2:7" s="38" customFormat="1" ht="41.25" customHeight="1" x14ac:dyDescent="0.25">
      <c r="B48" s="75" t="s">
        <v>68</v>
      </c>
      <c r="C48" s="76" t="s">
        <v>97</v>
      </c>
      <c r="D48" s="37"/>
      <c r="E48" s="94"/>
      <c r="F48" s="95"/>
    </row>
    <row r="49" spans="2:6" s="38" customFormat="1" ht="36.75" customHeight="1" x14ac:dyDescent="0.25">
      <c r="B49" s="75" t="s">
        <v>69</v>
      </c>
      <c r="C49" s="76" t="s">
        <v>98</v>
      </c>
      <c r="D49" s="37"/>
      <c r="E49" s="94"/>
      <c r="F49" s="95"/>
    </row>
    <row r="50" spans="2:6" s="38" customFormat="1" ht="30" customHeight="1" x14ac:dyDescent="0.25">
      <c r="B50" s="75" t="s">
        <v>70</v>
      </c>
      <c r="C50" s="76" t="s">
        <v>99</v>
      </c>
      <c r="D50" s="37"/>
      <c r="E50" s="94"/>
      <c r="F50" s="95"/>
    </row>
    <row r="51" spans="2:6" s="38" customFormat="1" ht="41.25" customHeight="1" x14ac:dyDescent="0.25">
      <c r="B51" s="75" t="s">
        <v>71</v>
      </c>
      <c r="C51" s="76" t="s">
        <v>100</v>
      </c>
      <c r="D51" s="37"/>
      <c r="E51" s="94"/>
      <c r="F51" s="95"/>
    </row>
    <row r="52" spans="2:6" s="38" customFormat="1" ht="36" customHeight="1" x14ac:dyDescent="0.25">
      <c r="B52" s="75" t="s">
        <v>72</v>
      </c>
      <c r="C52" s="76" t="s">
        <v>101</v>
      </c>
      <c r="D52" s="37"/>
      <c r="E52" s="94"/>
      <c r="F52" s="95"/>
    </row>
    <row r="53" spans="2:6" s="38" customFormat="1" ht="36.75" customHeight="1" x14ac:dyDescent="0.25">
      <c r="B53" s="77" t="s">
        <v>102</v>
      </c>
      <c r="C53" s="76" t="s">
        <v>103</v>
      </c>
      <c r="D53" s="37"/>
      <c r="E53" s="94"/>
      <c r="F53" s="95"/>
    </row>
    <row r="54" spans="2:6" s="38" customFormat="1" ht="30" customHeight="1" x14ac:dyDescent="0.25">
      <c r="B54" s="77" t="s">
        <v>104</v>
      </c>
      <c r="C54" s="76" t="s">
        <v>105</v>
      </c>
      <c r="D54" s="37"/>
      <c r="E54" s="94"/>
      <c r="F54" s="95"/>
    </row>
    <row r="55" spans="2:6" s="38" customFormat="1" ht="30" customHeight="1" x14ac:dyDescent="0.25">
      <c r="B55" s="77" t="s">
        <v>106</v>
      </c>
      <c r="C55" s="76" t="s">
        <v>107</v>
      </c>
      <c r="D55" s="37"/>
      <c r="E55" s="94"/>
      <c r="F55" s="95"/>
    </row>
    <row r="56" spans="2:6" s="38" customFormat="1" ht="30" customHeight="1" x14ac:dyDescent="0.25">
      <c r="B56" s="77" t="s">
        <v>108</v>
      </c>
      <c r="C56" s="76" t="s">
        <v>109</v>
      </c>
      <c r="D56" s="37"/>
      <c r="E56" s="94"/>
      <c r="F56" s="95"/>
    </row>
    <row r="57" spans="2:6" s="38" customFormat="1" ht="30" customHeight="1" x14ac:dyDescent="0.25">
      <c r="B57" s="77" t="s">
        <v>110</v>
      </c>
      <c r="C57" s="76" t="s">
        <v>111</v>
      </c>
      <c r="D57" s="37"/>
      <c r="E57" s="94"/>
      <c r="F57" s="95"/>
    </row>
    <row r="58" spans="2:6" s="38" customFormat="1" ht="37.5" customHeight="1" x14ac:dyDescent="0.25">
      <c r="B58" s="77" t="s">
        <v>112</v>
      </c>
      <c r="C58" s="76" t="s">
        <v>113</v>
      </c>
      <c r="D58" s="37"/>
      <c r="E58" s="94"/>
      <c r="F58" s="95"/>
    </row>
    <row r="59" spans="2:6" s="38" customFormat="1" ht="30" customHeight="1" x14ac:dyDescent="0.25">
      <c r="B59" s="77" t="s">
        <v>114</v>
      </c>
      <c r="C59" s="76" t="s">
        <v>115</v>
      </c>
      <c r="D59" s="37"/>
      <c r="E59" s="94"/>
      <c r="F59" s="95"/>
    </row>
    <row r="60" spans="2:6" s="38" customFormat="1" ht="30" customHeight="1" x14ac:dyDescent="0.25">
      <c r="B60" s="77" t="s">
        <v>116</v>
      </c>
      <c r="C60" s="76" t="s">
        <v>117</v>
      </c>
      <c r="D60" s="37"/>
      <c r="E60" s="94"/>
      <c r="F60" s="95"/>
    </row>
    <row r="61" spans="2:6" s="38" customFormat="1" ht="30" customHeight="1" x14ac:dyDescent="0.25">
      <c r="B61" s="77" t="s">
        <v>118</v>
      </c>
      <c r="C61" s="76" t="s">
        <v>119</v>
      </c>
      <c r="D61" s="37"/>
      <c r="E61" s="94"/>
      <c r="F61" s="95"/>
    </row>
    <row r="62" spans="2:6" s="38" customFormat="1" ht="45.75" customHeight="1" x14ac:dyDescent="0.25">
      <c r="B62" s="75" t="s">
        <v>73</v>
      </c>
      <c r="C62" s="76" t="s">
        <v>120</v>
      </c>
      <c r="D62" s="37"/>
      <c r="E62" s="94"/>
      <c r="F62" s="95"/>
    </row>
    <row r="63" spans="2:6" s="38" customFormat="1" ht="47.25" customHeight="1" x14ac:dyDescent="0.25">
      <c r="B63" s="75" t="s">
        <v>74</v>
      </c>
      <c r="C63" s="76" t="s">
        <v>121</v>
      </c>
      <c r="D63" s="37"/>
      <c r="E63" s="94"/>
      <c r="F63" s="95"/>
    </row>
    <row r="64" spans="2:6" s="38" customFormat="1" ht="53.25" customHeight="1" x14ac:dyDescent="0.25">
      <c r="B64" s="75" t="s">
        <v>75</v>
      </c>
      <c r="C64" s="76" t="s">
        <v>122</v>
      </c>
      <c r="D64" s="37"/>
      <c r="E64" s="94"/>
      <c r="F64" s="95"/>
    </row>
    <row r="65" spans="2:6" s="38" customFormat="1" ht="30" customHeight="1" x14ac:dyDescent="0.25">
      <c r="B65" s="75" t="s">
        <v>76</v>
      </c>
      <c r="C65" s="76" t="s">
        <v>123</v>
      </c>
      <c r="D65" s="37"/>
      <c r="E65" s="94"/>
      <c r="F65" s="95"/>
    </row>
    <row r="66" spans="2:6" s="38" customFormat="1" ht="30" customHeight="1" x14ac:dyDescent="0.25">
      <c r="B66" s="75" t="s">
        <v>77</v>
      </c>
      <c r="C66" s="76" t="s">
        <v>124</v>
      </c>
      <c r="D66" s="37"/>
      <c r="E66" s="94"/>
      <c r="F66" s="95"/>
    </row>
    <row r="67" spans="2:6" s="38" customFormat="1" ht="30" customHeight="1" x14ac:dyDescent="0.25">
      <c r="B67" s="75" t="s">
        <v>78</v>
      </c>
      <c r="C67" s="76" t="s">
        <v>125</v>
      </c>
      <c r="D67" s="37"/>
      <c r="E67" s="94"/>
      <c r="F67" s="95"/>
    </row>
    <row r="68" spans="2:6" s="38" customFormat="1" ht="30" customHeight="1" x14ac:dyDescent="0.25">
      <c r="B68" s="75" t="s">
        <v>126</v>
      </c>
      <c r="C68" s="76" t="s">
        <v>127</v>
      </c>
      <c r="D68" s="37"/>
      <c r="E68" s="94"/>
      <c r="F68" s="95"/>
    </row>
    <row r="69" spans="2:6" s="38" customFormat="1" ht="30" customHeight="1" x14ac:dyDescent="0.25">
      <c r="B69" s="75" t="s">
        <v>128</v>
      </c>
      <c r="C69" s="76" t="s">
        <v>129</v>
      </c>
      <c r="D69" s="37"/>
      <c r="E69" s="94"/>
      <c r="F69" s="95"/>
    </row>
    <row r="70" spans="2:6" s="38" customFormat="1" ht="30" customHeight="1" x14ac:dyDescent="0.25">
      <c r="B70" s="75" t="s">
        <v>130</v>
      </c>
      <c r="C70" s="76" t="s">
        <v>131</v>
      </c>
      <c r="D70" s="37"/>
      <c r="E70" s="94"/>
      <c r="F70" s="95"/>
    </row>
    <row r="71" spans="2:6" s="38" customFormat="1" ht="30" customHeight="1" x14ac:dyDescent="0.25">
      <c r="B71" s="75" t="s">
        <v>132</v>
      </c>
      <c r="C71" s="76" t="s">
        <v>133</v>
      </c>
      <c r="D71" s="37"/>
      <c r="E71" s="94"/>
      <c r="F71" s="95"/>
    </row>
    <row r="72" spans="2:6" s="38" customFormat="1" ht="30" customHeight="1" x14ac:dyDescent="0.25">
      <c r="B72" s="75" t="s">
        <v>134</v>
      </c>
      <c r="C72" s="76" t="s">
        <v>135</v>
      </c>
      <c r="D72" s="37"/>
      <c r="E72" s="94"/>
      <c r="F72" s="95"/>
    </row>
    <row r="73" spans="2:6" s="38" customFormat="1" ht="30" customHeight="1" x14ac:dyDescent="0.25">
      <c r="B73" s="75" t="s">
        <v>136</v>
      </c>
      <c r="C73" s="76" t="s">
        <v>137</v>
      </c>
      <c r="D73" s="37"/>
      <c r="E73" s="94"/>
      <c r="F73" s="95"/>
    </row>
    <row r="74" spans="2:6" s="38" customFormat="1" ht="30" customHeight="1" x14ac:dyDescent="0.25">
      <c r="B74" s="75" t="s">
        <v>138</v>
      </c>
      <c r="C74" s="76" t="s">
        <v>139</v>
      </c>
      <c r="D74" s="37"/>
      <c r="E74" s="94"/>
      <c r="F74" s="95"/>
    </row>
    <row r="75" spans="2:6" s="38" customFormat="1" ht="32.25" customHeight="1" x14ac:dyDescent="0.25">
      <c r="B75" s="75" t="s">
        <v>140</v>
      </c>
      <c r="C75" s="76" t="s">
        <v>141</v>
      </c>
      <c r="D75" s="37"/>
      <c r="E75" s="94"/>
      <c r="F75" s="95"/>
    </row>
    <row r="76" spans="2:6" s="38" customFormat="1" ht="30" customHeight="1" x14ac:dyDescent="0.25">
      <c r="B76" s="75" t="s">
        <v>142</v>
      </c>
      <c r="C76" s="76" t="s">
        <v>143</v>
      </c>
      <c r="D76" s="37"/>
      <c r="E76" s="94"/>
      <c r="F76" s="95"/>
    </row>
    <row r="77" spans="2:6" s="38" customFormat="1" ht="30" customHeight="1" x14ac:dyDescent="0.25">
      <c r="B77" s="75" t="s">
        <v>144</v>
      </c>
      <c r="C77" s="76" t="s">
        <v>145</v>
      </c>
      <c r="D77" s="37"/>
      <c r="E77" s="94"/>
      <c r="F77" s="95"/>
    </row>
    <row r="78" spans="2:6" s="38" customFormat="1" ht="30" customHeight="1" x14ac:dyDescent="0.25">
      <c r="B78" s="75" t="s">
        <v>146</v>
      </c>
      <c r="C78" s="76" t="s">
        <v>147</v>
      </c>
      <c r="D78" s="37"/>
      <c r="E78" s="94"/>
      <c r="F78" s="95"/>
    </row>
    <row r="79" spans="2:6" s="38" customFormat="1" ht="30" customHeight="1" x14ac:dyDescent="0.25">
      <c r="B79" s="75" t="s">
        <v>148</v>
      </c>
      <c r="C79" s="76" t="s">
        <v>149</v>
      </c>
      <c r="D79" s="37"/>
      <c r="E79" s="94"/>
      <c r="F79" s="95"/>
    </row>
    <row r="80" spans="2:6" s="38" customFormat="1" ht="30" customHeight="1" x14ac:dyDescent="0.25">
      <c r="B80" s="75" t="s">
        <v>150</v>
      </c>
      <c r="C80" s="76" t="s">
        <v>151</v>
      </c>
      <c r="D80" s="37"/>
      <c r="E80" s="94"/>
      <c r="F80" s="95"/>
    </row>
    <row r="81" spans="2:6" s="38" customFormat="1" ht="30" customHeight="1" x14ac:dyDescent="0.25">
      <c r="B81" s="75" t="s">
        <v>152</v>
      </c>
      <c r="C81" s="76" t="s">
        <v>153</v>
      </c>
      <c r="D81" s="37"/>
      <c r="E81" s="94"/>
      <c r="F81" s="95"/>
    </row>
    <row r="82" spans="2:6" s="38" customFormat="1" ht="30" customHeight="1" x14ac:dyDescent="0.25">
      <c r="B82" s="75" t="s">
        <v>154</v>
      </c>
      <c r="C82" s="76" t="s">
        <v>155</v>
      </c>
      <c r="D82" s="37"/>
      <c r="E82" s="94"/>
      <c r="F82" s="95"/>
    </row>
    <row r="83" spans="2:6" s="38" customFormat="1" ht="30" customHeight="1" x14ac:dyDescent="0.25">
      <c r="B83" s="75" t="s">
        <v>156</v>
      </c>
      <c r="C83" s="76" t="s">
        <v>157</v>
      </c>
      <c r="D83" s="37"/>
      <c r="E83" s="94"/>
      <c r="F83" s="95"/>
    </row>
    <row r="84" spans="2:6" s="36" customFormat="1" ht="30.75" customHeight="1" x14ac:dyDescent="0.25">
      <c r="B84" s="96" t="s">
        <v>88</v>
      </c>
      <c r="C84" s="97"/>
      <c r="D84" s="97"/>
      <c r="E84" s="97"/>
      <c r="F84" s="98"/>
    </row>
    <row r="85" spans="2:6" s="38" customFormat="1" ht="30" customHeight="1" x14ac:dyDescent="0.25">
      <c r="B85" s="75" t="s">
        <v>158</v>
      </c>
      <c r="C85" s="76" t="s">
        <v>159</v>
      </c>
      <c r="D85" s="37"/>
      <c r="E85" s="94"/>
      <c r="F85" s="95"/>
    </row>
    <row r="86" spans="2:6" s="38" customFormat="1" ht="27.75" customHeight="1" x14ac:dyDescent="0.25">
      <c r="B86" s="75" t="s">
        <v>50</v>
      </c>
      <c r="C86" s="76" t="s">
        <v>90</v>
      </c>
      <c r="D86" s="37"/>
      <c r="E86" s="94"/>
      <c r="F86" s="95"/>
    </row>
    <row r="87" spans="2:6" s="38" customFormat="1" ht="59.25" customHeight="1" x14ac:dyDescent="0.25">
      <c r="B87" s="75" t="s">
        <v>50</v>
      </c>
      <c r="C87" s="76" t="s">
        <v>92</v>
      </c>
      <c r="D87" s="37"/>
      <c r="E87" s="94"/>
      <c r="F87" s="95"/>
    </row>
    <row r="88" spans="2:6" s="38" customFormat="1" ht="34.5" customHeight="1" x14ac:dyDescent="0.25">
      <c r="B88" s="75" t="s">
        <v>51</v>
      </c>
      <c r="C88" s="76" t="s">
        <v>160</v>
      </c>
      <c r="D88" s="37"/>
      <c r="E88" s="94"/>
      <c r="F88" s="95"/>
    </row>
    <row r="89" spans="2:6" s="38" customFormat="1" ht="49.5" customHeight="1" x14ac:dyDescent="0.25">
      <c r="B89" s="75" t="s">
        <v>52</v>
      </c>
      <c r="C89" s="76" t="s">
        <v>161</v>
      </c>
      <c r="D89" s="37"/>
      <c r="E89" s="94"/>
      <c r="F89" s="95"/>
    </row>
    <row r="90" spans="2:6" s="38" customFormat="1" ht="30" customHeight="1" x14ac:dyDescent="0.25">
      <c r="B90" s="75" t="s">
        <v>65</v>
      </c>
      <c r="C90" s="76" t="s">
        <v>162</v>
      </c>
      <c r="D90" s="37"/>
      <c r="E90" s="94"/>
      <c r="F90" s="95"/>
    </row>
    <row r="91" spans="2:6" s="38" customFormat="1" ht="30" customHeight="1" x14ac:dyDescent="0.25">
      <c r="B91" s="75" t="s">
        <v>66</v>
      </c>
      <c r="C91" s="76" t="s">
        <v>97</v>
      </c>
      <c r="D91" s="37"/>
      <c r="E91" s="94"/>
      <c r="F91" s="95"/>
    </row>
    <row r="92" spans="2:6" s="38" customFormat="1" ht="41.25" customHeight="1" x14ac:dyDescent="0.25">
      <c r="B92" s="75" t="s">
        <v>67</v>
      </c>
      <c r="C92" s="76" t="s">
        <v>98</v>
      </c>
      <c r="D92" s="37"/>
      <c r="E92" s="94"/>
      <c r="F92" s="95"/>
    </row>
    <row r="93" spans="2:6" s="38" customFormat="1" ht="36.75" customHeight="1" x14ac:dyDescent="0.25">
      <c r="B93" s="75" t="s">
        <v>68</v>
      </c>
      <c r="C93" s="76" t="s">
        <v>99</v>
      </c>
      <c r="D93" s="37"/>
      <c r="E93" s="94"/>
      <c r="F93" s="95"/>
    </row>
    <row r="94" spans="2:6" s="38" customFormat="1" ht="27.75" customHeight="1" x14ac:dyDescent="0.25">
      <c r="B94" s="75" t="s">
        <v>69</v>
      </c>
      <c r="C94" s="76" t="s">
        <v>100</v>
      </c>
      <c r="D94" s="37"/>
      <c r="E94" s="94"/>
      <c r="F94" s="95"/>
    </row>
    <row r="95" spans="2:6" s="38" customFormat="1" ht="33" customHeight="1" x14ac:dyDescent="0.25">
      <c r="B95" s="75" t="s">
        <v>70</v>
      </c>
      <c r="C95" s="76" t="s">
        <v>101</v>
      </c>
      <c r="D95" s="37"/>
      <c r="E95" s="94"/>
      <c r="F95" s="95"/>
    </row>
    <row r="96" spans="2:6" s="38" customFormat="1" ht="34.5" customHeight="1" x14ac:dyDescent="0.25">
      <c r="B96" s="77" t="s">
        <v>163</v>
      </c>
      <c r="C96" s="76" t="s">
        <v>164</v>
      </c>
      <c r="D96" s="37"/>
      <c r="E96" s="94"/>
      <c r="F96" s="95"/>
    </row>
    <row r="97" spans="2:6" s="38" customFormat="1" ht="49.5" customHeight="1" x14ac:dyDescent="0.25">
      <c r="B97" s="77" t="s">
        <v>165</v>
      </c>
      <c r="C97" s="76" t="s">
        <v>166</v>
      </c>
      <c r="D97" s="37"/>
      <c r="E97" s="94"/>
      <c r="F97" s="95"/>
    </row>
    <row r="98" spans="2:6" s="38" customFormat="1" ht="30" customHeight="1" x14ac:dyDescent="0.25">
      <c r="B98" s="77" t="s">
        <v>167</v>
      </c>
      <c r="C98" s="76" t="s">
        <v>105</v>
      </c>
      <c r="D98" s="37"/>
      <c r="E98" s="94"/>
      <c r="F98" s="95"/>
    </row>
    <row r="99" spans="2:6" s="38" customFormat="1" ht="30" customHeight="1" x14ac:dyDescent="0.25">
      <c r="B99" s="77" t="s">
        <v>168</v>
      </c>
      <c r="C99" s="76" t="s">
        <v>107</v>
      </c>
      <c r="D99" s="37"/>
      <c r="E99" s="94"/>
      <c r="F99" s="95"/>
    </row>
    <row r="100" spans="2:6" s="38" customFormat="1" ht="41.25" customHeight="1" x14ac:dyDescent="0.25">
      <c r="B100" s="77" t="s">
        <v>169</v>
      </c>
      <c r="C100" s="76" t="s">
        <v>170</v>
      </c>
      <c r="D100" s="37"/>
      <c r="E100" s="94"/>
      <c r="F100" s="95"/>
    </row>
    <row r="101" spans="2:6" s="38" customFormat="1" ht="36.75" customHeight="1" x14ac:dyDescent="0.25">
      <c r="B101" s="77" t="s">
        <v>171</v>
      </c>
      <c r="C101" s="76" t="s">
        <v>111</v>
      </c>
      <c r="D101" s="37"/>
      <c r="E101" s="94"/>
      <c r="F101" s="95"/>
    </row>
    <row r="102" spans="2:6" s="38" customFormat="1" ht="30" customHeight="1" x14ac:dyDescent="0.25">
      <c r="B102" s="77" t="s">
        <v>172</v>
      </c>
      <c r="C102" s="76" t="s">
        <v>113</v>
      </c>
      <c r="D102" s="37"/>
      <c r="E102" s="94"/>
      <c r="F102" s="95"/>
    </row>
    <row r="103" spans="2:6" s="38" customFormat="1" ht="41.25" customHeight="1" x14ac:dyDescent="0.25">
      <c r="B103" s="77" t="s">
        <v>173</v>
      </c>
      <c r="C103" s="76" t="s">
        <v>115</v>
      </c>
      <c r="D103" s="37"/>
      <c r="E103" s="94"/>
      <c r="F103" s="95"/>
    </row>
    <row r="104" spans="2:6" s="38" customFormat="1" ht="36" customHeight="1" x14ac:dyDescent="0.25">
      <c r="B104" s="77" t="s">
        <v>174</v>
      </c>
      <c r="C104" s="76" t="s">
        <v>117</v>
      </c>
      <c r="D104" s="37"/>
      <c r="E104" s="94"/>
      <c r="F104" s="95"/>
    </row>
    <row r="105" spans="2:6" s="38" customFormat="1" ht="36.75" customHeight="1" x14ac:dyDescent="0.25">
      <c r="B105" s="77" t="s">
        <v>175</v>
      </c>
      <c r="C105" s="76" t="s">
        <v>119</v>
      </c>
      <c r="D105" s="37"/>
      <c r="E105" s="94"/>
      <c r="F105" s="95"/>
    </row>
    <row r="106" spans="2:6" s="38" customFormat="1" ht="30" customHeight="1" x14ac:dyDescent="0.25">
      <c r="B106" s="75" t="s">
        <v>71</v>
      </c>
      <c r="C106" s="76" t="s">
        <v>120</v>
      </c>
      <c r="D106" s="37"/>
      <c r="E106" s="94"/>
      <c r="F106" s="95"/>
    </row>
    <row r="107" spans="2:6" s="38" customFormat="1" ht="30" customHeight="1" x14ac:dyDescent="0.25">
      <c r="B107" s="75" t="s">
        <v>72</v>
      </c>
      <c r="C107" s="76" t="s">
        <v>121</v>
      </c>
      <c r="D107" s="37"/>
      <c r="E107" s="94"/>
      <c r="F107" s="95"/>
    </row>
    <row r="108" spans="2:6" s="38" customFormat="1" ht="59.25" customHeight="1" x14ac:dyDescent="0.25">
      <c r="B108" s="75" t="s">
        <v>73</v>
      </c>
      <c r="C108" s="76" t="s">
        <v>122</v>
      </c>
      <c r="D108" s="37"/>
      <c r="E108" s="94"/>
      <c r="F108" s="95"/>
    </row>
    <row r="109" spans="2:6" s="38" customFormat="1" ht="30" customHeight="1" x14ac:dyDescent="0.25">
      <c r="B109" s="75" t="s">
        <v>74</v>
      </c>
      <c r="C109" s="76" t="s">
        <v>123</v>
      </c>
      <c r="D109" s="37"/>
      <c r="E109" s="94"/>
      <c r="F109" s="95"/>
    </row>
    <row r="110" spans="2:6" s="38" customFormat="1" ht="37.5" customHeight="1" x14ac:dyDescent="0.25">
      <c r="B110" s="75" t="s">
        <v>75</v>
      </c>
      <c r="C110" s="76" t="s">
        <v>124</v>
      </c>
      <c r="D110" s="37"/>
      <c r="E110" s="94"/>
      <c r="F110" s="95"/>
    </row>
    <row r="111" spans="2:6" s="38" customFormat="1" ht="30" customHeight="1" x14ac:dyDescent="0.25">
      <c r="B111" s="75" t="s">
        <v>76</v>
      </c>
      <c r="C111" s="76" t="s">
        <v>125</v>
      </c>
      <c r="D111" s="37"/>
      <c r="E111" s="94"/>
      <c r="F111" s="95"/>
    </row>
    <row r="112" spans="2:6" s="38" customFormat="1" ht="30" customHeight="1" x14ac:dyDescent="0.25">
      <c r="B112" s="75" t="s">
        <v>77</v>
      </c>
      <c r="C112" s="76" t="s">
        <v>127</v>
      </c>
      <c r="D112" s="37"/>
      <c r="E112" s="94"/>
      <c r="F112" s="95"/>
    </row>
    <row r="113" spans="2:6" s="38" customFormat="1" ht="30" customHeight="1" x14ac:dyDescent="0.25">
      <c r="B113" s="75" t="s">
        <v>78</v>
      </c>
      <c r="C113" s="76" t="s">
        <v>129</v>
      </c>
      <c r="D113" s="37"/>
      <c r="E113" s="94"/>
      <c r="F113" s="95"/>
    </row>
    <row r="114" spans="2:6" s="38" customFormat="1" ht="32.25" customHeight="1" x14ac:dyDescent="0.25">
      <c r="B114" s="75" t="s">
        <v>126</v>
      </c>
      <c r="C114" s="76" t="s">
        <v>176</v>
      </c>
      <c r="D114" s="37"/>
      <c r="E114" s="94"/>
      <c r="F114" s="95"/>
    </row>
    <row r="115" spans="2:6" s="38" customFormat="1" ht="48" customHeight="1" x14ac:dyDescent="0.25">
      <c r="B115" s="75" t="s">
        <v>128</v>
      </c>
      <c r="C115" s="76" t="s">
        <v>177</v>
      </c>
      <c r="D115" s="37"/>
      <c r="E115" s="94"/>
      <c r="F115" s="95"/>
    </row>
    <row r="116" spans="2:6" s="38" customFormat="1" ht="30" customHeight="1" x14ac:dyDescent="0.25">
      <c r="B116" s="75" t="s">
        <v>130</v>
      </c>
      <c r="C116" s="76" t="s">
        <v>135</v>
      </c>
      <c r="D116" s="37"/>
      <c r="E116" s="94"/>
      <c r="F116" s="95"/>
    </row>
    <row r="117" spans="2:6" s="38" customFormat="1" ht="30" customHeight="1" x14ac:dyDescent="0.25">
      <c r="B117" s="75" t="s">
        <v>132</v>
      </c>
      <c r="C117" s="76" t="s">
        <v>137</v>
      </c>
      <c r="D117" s="37"/>
      <c r="E117" s="94"/>
      <c r="F117" s="95"/>
    </row>
    <row r="118" spans="2:6" s="38" customFormat="1" ht="30" customHeight="1" x14ac:dyDescent="0.25">
      <c r="B118" s="75" t="s">
        <v>134</v>
      </c>
      <c r="C118" s="76" t="s">
        <v>139</v>
      </c>
      <c r="D118" s="37"/>
      <c r="E118" s="94"/>
      <c r="F118" s="95"/>
    </row>
    <row r="119" spans="2:6" s="38" customFormat="1" ht="30" customHeight="1" x14ac:dyDescent="0.25">
      <c r="B119" s="75" t="s">
        <v>136</v>
      </c>
      <c r="C119" s="76" t="s">
        <v>141</v>
      </c>
      <c r="D119" s="37"/>
      <c r="E119" s="94"/>
      <c r="F119" s="95"/>
    </row>
    <row r="120" spans="2:6" s="38" customFormat="1" ht="30" customHeight="1" x14ac:dyDescent="0.25">
      <c r="B120" s="75" t="s">
        <v>138</v>
      </c>
      <c r="C120" s="76" t="s">
        <v>143</v>
      </c>
      <c r="D120" s="37"/>
      <c r="E120" s="94"/>
      <c r="F120" s="95"/>
    </row>
    <row r="121" spans="2:6" s="38" customFormat="1" ht="30" customHeight="1" x14ac:dyDescent="0.25">
      <c r="B121" s="75" t="s">
        <v>140</v>
      </c>
      <c r="C121" s="76" t="s">
        <v>145</v>
      </c>
      <c r="D121" s="37"/>
      <c r="E121" s="94"/>
      <c r="F121" s="95"/>
    </row>
    <row r="122" spans="2:6" s="38" customFormat="1" ht="30" customHeight="1" x14ac:dyDescent="0.25">
      <c r="B122" s="75" t="s">
        <v>142</v>
      </c>
      <c r="C122" s="76" t="s">
        <v>147</v>
      </c>
      <c r="D122" s="37"/>
      <c r="E122" s="94"/>
      <c r="F122" s="95"/>
    </row>
    <row r="123" spans="2:6" s="38" customFormat="1" ht="30" customHeight="1" x14ac:dyDescent="0.25">
      <c r="B123" s="75" t="s">
        <v>144</v>
      </c>
      <c r="C123" s="76" t="s">
        <v>178</v>
      </c>
      <c r="D123" s="37"/>
      <c r="E123" s="94"/>
      <c r="F123" s="95"/>
    </row>
    <row r="124" spans="2:6" s="38" customFormat="1" ht="30" customHeight="1" x14ac:dyDescent="0.25">
      <c r="B124" s="75" t="s">
        <v>146</v>
      </c>
      <c r="C124" s="76" t="s">
        <v>151</v>
      </c>
      <c r="D124" s="37"/>
      <c r="E124" s="94"/>
      <c r="F124" s="95"/>
    </row>
    <row r="125" spans="2:6" s="38" customFormat="1" ht="30" customHeight="1" x14ac:dyDescent="0.25">
      <c r="B125" s="75" t="s">
        <v>148</v>
      </c>
      <c r="C125" s="76" t="s">
        <v>153</v>
      </c>
      <c r="D125" s="37"/>
      <c r="E125" s="94"/>
      <c r="F125" s="95"/>
    </row>
    <row r="126" spans="2:6" s="38" customFormat="1" ht="30" customHeight="1" x14ac:dyDescent="0.25">
      <c r="B126" s="75" t="s">
        <v>150</v>
      </c>
      <c r="C126" s="76" t="s">
        <v>155</v>
      </c>
      <c r="D126" s="37"/>
      <c r="E126" s="94"/>
      <c r="F126" s="95"/>
    </row>
    <row r="127" spans="2:6" s="38" customFormat="1" ht="30" customHeight="1" x14ac:dyDescent="0.25">
      <c r="B127" s="75" t="s">
        <v>152</v>
      </c>
      <c r="C127" s="76" t="s">
        <v>179</v>
      </c>
      <c r="D127" s="37"/>
      <c r="E127" s="94"/>
      <c r="F127" s="95"/>
    </row>
    <row r="128" spans="2:6" s="36" customFormat="1" ht="30.75" customHeight="1" x14ac:dyDescent="0.25">
      <c r="B128" s="96" t="s">
        <v>89</v>
      </c>
      <c r="C128" s="97"/>
      <c r="D128" s="97"/>
      <c r="E128" s="97"/>
      <c r="F128" s="98"/>
    </row>
    <row r="129" spans="2:6" s="38" customFormat="1" ht="42.75" customHeight="1" x14ac:dyDescent="0.25">
      <c r="B129" s="75" t="s">
        <v>15</v>
      </c>
      <c r="C129" s="76" t="s">
        <v>180</v>
      </c>
      <c r="D129" s="37"/>
      <c r="E129" s="94"/>
      <c r="F129" s="95"/>
    </row>
    <row r="130" spans="2:6" s="38" customFormat="1" ht="35.25" customHeight="1" x14ac:dyDescent="0.25">
      <c r="B130" s="75" t="s">
        <v>50</v>
      </c>
      <c r="C130" s="76" t="s">
        <v>181</v>
      </c>
      <c r="D130" s="37"/>
      <c r="E130" s="94"/>
      <c r="F130" s="95"/>
    </row>
    <row r="131" spans="2:6" s="38" customFormat="1" ht="45.75" customHeight="1" x14ac:dyDescent="0.25">
      <c r="B131" s="75" t="s">
        <v>51</v>
      </c>
      <c r="C131" s="76" t="s">
        <v>182</v>
      </c>
      <c r="D131" s="37"/>
      <c r="E131" s="94"/>
      <c r="F131" s="95"/>
    </row>
    <row r="132" spans="2:6" s="38" customFormat="1" ht="34.5" customHeight="1" x14ac:dyDescent="0.25">
      <c r="B132" s="75" t="s">
        <v>52</v>
      </c>
      <c r="C132" s="76" t="s">
        <v>183</v>
      </c>
      <c r="D132" s="37"/>
      <c r="E132" s="94"/>
      <c r="F132" s="95"/>
    </row>
    <row r="133" spans="2:6" s="38" customFormat="1" ht="39" customHeight="1" x14ac:dyDescent="0.25">
      <c r="B133" s="75" t="s">
        <v>65</v>
      </c>
      <c r="C133" s="76" t="s">
        <v>184</v>
      </c>
      <c r="D133" s="37"/>
      <c r="E133" s="94"/>
      <c r="F133" s="95"/>
    </row>
    <row r="134" spans="2:6" s="38" customFormat="1" ht="30" customHeight="1" x14ac:dyDescent="0.25">
      <c r="B134" s="75" t="s">
        <v>66</v>
      </c>
      <c r="C134" s="76" t="s">
        <v>185</v>
      </c>
      <c r="D134" s="37"/>
      <c r="E134" s="94"/>
      <c r="F134" s="95"/>
    </row>
    <row r="135" spans="2:6" s="38" customFormat="1" ht="30" customHeight="1" x14ac:dyDescent="0.25">
      <c r="B135" s="75" t="s">
        <v>67</v>
      </c>
      <c r="C135" s="76" t="s">
        <v>186</v>
      </c>
      <c r="D135" s="37"/>
      <c r="E135" s="94"/>
      <c r="F135" s="95"/>
    </row>
    <row r="136" spans="2:6" s="38" customFormat="1" ht="26.25" customHeight="1" x14ac:dyDescent="0.25">
      <c r="B136" s="75" t="s">
        <v>68</v>
      </c>
      <c r="C136" s="76" t="s">
        <v>187</v>
      </c>
      <c r="D136" s="37"/>
      <c r="E136" s="94"/>
      <c r="F136" s="95"/>
    </row>
    <row r="137" spans="2:6" s="38" customFormat="1" ht="33.75" customHeight="1" x14ac:dyDescent="0.25">
      <c r="B137" s="75" t="s">
        <v>69</v>
      </c>
      <c r="C137" s="76" t="s">
        <v>188</v>
      </c>
      <c r="D137" s="37"/>
      <c r="E137" s="94"/>
      <c r="F137" s="95"/>
    </row>
    <row r="138" spans="2:6" s="38" customFormat="1" ht="30" customHeight="1" x14ac:dyDescent="0.25">
      <c r="B138" s="75" t="s">
        <v>70</v>
      </c>
      <c r="C138" s="76" t="s">
        <v>189</v>
      </c>
      <c r="D138" s="37"/>
      <c r="E138" s="94"/>
      <c r="F138" s="95"/>
    </row>
    <row r="139" spans="2:6" s="38" customFormat="1" ht="41.25" customHeight="1" x14ac:dyDescent="0.25">
      <c r="B139" s="75" t="s">
        <v>71</v>
      </c>
      <c r="C139" s="76" t="s">
        <v>190</v>
      </c>
      <c r="D139" s="37"/>
      <c r="E139" s="94"/>
      <c r="F139" s="95"/>
    </row>
    <row r="140" spans="2:6" s="38" customFormat="1" ht="36" customHeight="1" thickBot="1" x14ac:dyDescent="0.3">
      <c r="B140" s="78" t="s">
        <v>72</v>
      </c>
      <c r="C140" s="79" t="s">
        <v>191</v>
      </c>
      <c r="D140" s="62"/>
      <c r="E140" s="99"/>
      <c r="F140" s="100"/>
    </row>
    <row r="141" spans="2:6" s="25" customFormat="1" ht="17.25" customHeight="1" x14ac:dyDescent="0.25">
      <c r="B141" s="39"/>
      <c r="C141" s="40"/>
      <c r="D141" s="41"/>
      <c r="E141" s="41"/>
      <c r="F141" s="42"/>
    </row>
    <row r="142" spans="2:6" s="16" customFormat="1" ht="20.100000000000001" customHeight="1" x14ac:dyDescent="0.25">
      <c r="B142" s="126" t="s">
        <v>42</v>
      </c>
      <c r="C142" s="126"/>
      <c r="D142" s="126"/>
      <c r="E142" s="126"/>
      <c r="F142" s="126"/>
    </row>
    <row r="143" spans="2:6" s="16" customFormat="1" ht="5.0999999999999996" customHeight="1" thickBot="1" x14ac:dyDescent="0.3">
      <c r="B143" s="27"/>
      <c r="D143" s="34"/>
      <c r="E143" s="34"/>
      <c r="F143" s="34"/>
    </row>
    <row r="144" spans="2:6" s="25" customFormat="1" ht="69" customHeight="1" x14ac:dyDescent="0.25">
      <c r="B144" s="111" t="s">
        <v>8</v>
      </c>
      <c r="C144" s="112"/>
      <c r="D144" s="115" t="s">
        <v>55</v>
      </c>
      <c r="E144" s="116"/>
      <c r="F144" s="117"/>
    </row>
    <row r="145" spans="2:6" s="25" customFormat="1" ht="30" customHeight="1" thickBot="1" x14ac:dyDescent="0.3">
      <c r="B145" s="113"/>
      <c r="C145" s="114"/>
      <c r="D145" s="64" t="s">
        <v>7</v>
      </c>
      <c r="E145" s="145" t="s">
        <v>28</v>
      </c>
      <c r="F145" s="146"/>
    </row>
    <row r="146" spans="2:6" s="16" customFormat="1" ht="36.75" customHeight="1" x14ac:dyDescent="0.25">
      <c r="B146" s="80" t="s">
        <v>15</v>
      </c>
      <c r="C146" s="81" t="s">
        <v>194</v>
      </c>
      <c r="D146" s="63"/>
      <c r="E146" s="101"/>
      <c r="F146" s="102"/>
    </row>
    <row r="147" spans="2:6" s="16" customFormat="1" ht="45" customHeight="1" x14ac:dyDescent="0.25">
      <c r="B147" s="82" t="s">
        <v>50</v>
      </c>
      <c r="C147" s="83" t="s">
        <v>195</v>
      </c>
      <c r="D147" s="37"/>
      <c r="E147" s="90"/>
      <c r="F147" s="91"/>
    </row>
    <row r="148" spans="2:6" s="16" customFormat="1" ht="67.5" customHeight="1" x14ac:dyDescent="0.25">
      <c r="B148" s="68" t="s">
        <v>196</v>
      </c>
      <c r="C148" s="83" t="s">
        <v>197</v>
      </c>
      <c r="D148" s="37"/>
      <c r="E148" s="90"/>
      <c r="F148" s="91"/>
    </row>
    <row r="149" spans="2:6" s="16" customFormat="1" ht="45" customHeight="1" x14ac:dyDescent="0.25">
      <c r="B149" s="68" t="s">
        <v>198</v>
      </c>
      <c r="C149" s="83" t="s">
        <v>199</v>
      </c>
      <c r="D149" s="37"/>
      <c r="E149" s="90"/>
      <c r="F149" s="91"/>
    </row>
    <row r="150" spans="2:6" s="16" customFormat="1" ht="45" customHeight="1" x14ac:dyDescent="0.25">
      <c r="B150" s="68" t="s">
        <v>200</v>
      </c>
      <c r="C150" s="83" t="s">
        <v>201</v>
      </c>
      <c r="D150" s="37"/>
      <c r="E150" s="90"/>
      <c r="F150" s="91"/>
    </row>
    <row r="151" spans="2:6" s="16" customFormat="1" ht="68.25" customHeight="1" x14ac:dyDescent="0.25">
      <c r="B151" s="68" t="s">
        <v>202</v>
      </c>
      <c r="C151" s="83" t="s">
        <v>203</v>
      </c>
      <c r="D151" s="37"/>
      <c r="E151" s="90"/>
      <c r="F151" s="91"/>
    </row>
    <row r="152" spans="2:6" s="16" customFormat="1" ht="45" customHeight="1" x14ac:dyDescent="0.25">
      <c r="B152" s="68" t="s">
        <v>204</v>
      </c>
      <c r="C152" s="83" t="s">
        <v>205</v>
      </c>
      <c r="D152" s="37"/>
      <c r="E152" s="90"/>
      <c r="F152" s="91"/>
    </row>
    <row r="153" spans="2:6" s="16" customFormat="1" ht="150" customHeight="1" x14ac:dyDescent="0.25">
      <c r="B153" s="68" t="s">
        <v>206</v>
      </c>
      <c r="C153" s="83" t="s">
        <v>207</v>
      </c>
      <c r="D153" s="37"/>
      <c r="E153" s="90"/>
      <c r="F153" s="91"/>
    </row>
    <row r="154" spans="2:6" s="16" customFormat="1" ht="80.25" customHeight="1" x14ac:dyDescent="0.25">
      <c r="B154" s="82" t="s">
        <v>51</v>
      </c>
      <c r="C154" s="83" t="s">
        <v>208</v>
      </c>
      <c r="D154" s="37"/>
      <c r="E154" s="90"/>
      <c r="F154" s="91"/>
    </row>
    <row r="155" spans="2:6" s="16" customFormat="1" ht="103.5" customHeight="1" x14ac:dyDescent="0.25">
      <c r="B155" s="82" t="s">
        <v>52</v>
      </c>
      <c r="C155" s="83" t="s">
        <v>209</v>
      </c>
      <c r="D155" s="37"/>
      <c r="E155" s="90"/>
      <c r="F155" s="91"/>
    </row>
    <row r="156" spans="2:6" s="16" customFormat="1" ht="103.5" customHeight="1" x14ac:dyDescent="0.25">
      <c r="B156" s="82" t="s">
        <v>65</v>
      </c>
      <c r="C156" s="83" t="s">
        <v>210</v>
      </c>
      <c r="D156" s="37"/>
      <c r="E156" s="90"/>
      <c r="F156" s="91"/>
    </row>
    <row r="157" spans="2:6" s="16" customFormat="1" ht="83.25" customHeight="1" x14ac:dyDescent="0.25">
      <c r="B157" s="82" t="s">
        <v>66</v>
      </c>
      <c r="C157" s="83" t="s">
        <v>211</v>
      </c>
      <c r="D157" s="37"/>
      <c r="E157" s="90"/>
      <c r="F157" s="91"/>
    </row>
    <row r="158" spans="2:6" s="16" customFormat="1" ht="81" customHeight="1" x14ac:dyDescent="0.25">
      <c r="B158" s="82" t="s">
        <v>67</v>
      </c>
      <c r="C158" s="83" t="s">
        <v>212</v>
      </c>
      <c r="D158" s="37"/>
      <c r="E158" s="90"/>
      <c r="F158" s="91"/>
    </row>
    <row r="159" spans="2:6" s="16" customFormat="1" ht="75.75" customHeight="1" x14ac:dyDescent="0.25">
      <c r="B159" s="84" t="s">
        <v>68</v>
      </c>
      <c r="C159" s="83" t="s">
        <v>213</v>
      </c>
      <c r="D159" s="37"/>
      <c r="E159" s="90"/>
      <c r="F159" s="91"/>
    </row>
    <row r="160" spans="2:6" s="16" customFormat="1" ht="103.5" customHeight="1" x14ac:dyDescent="0.25">
      <c r="B160" s="84" t="s">
        <v>69</v>
      </c>
      <c r="C160" s="83" t="s">
        <v>214</v>
      </c>
      <c r="D160" s="37"/>
      <c r="E160" s="90"/>
      <c r="F160" s="91"/>
    </row>
    <row r="161" spans="2:6" s="16" customFormat="1" ht="142.5" customHeight="1" x14ac:dyDescent="0.25">
      <c r="B161" s="84" t="s">
        <v>70</v>
      </c>
      <c r="C161" s="83" t="s">
        <v>215</v>
      </c>
      <c r="D161" s="37"/>
      <c r="E161" s="90"/>
      <c r="F161" s="91"/>
    </row>
    <row r="162" spans="2:6" s="16" customFormat="1" ht="123.75" customHeight="1" x14ac:dyDescent="0.25">
      <c r="B162" s="84" t="s">
        <v>71</v>
      </c>
      <c r="C162" s="83" t="s">
        <v>216</v>
      </c>
      <c r="D162" s="37"/>
      <c r="E162" s="90"/>
      <c r="F162" s="91"/>
    </row>
    <row r="163" spans="2:6" s="16" customFormat="1" ht="163.5" customHeight="1" x14ac:dyDescent="0.25">
      <c r="B163" s="84" t="s">
        <v>72</v>
      </c>
      <c r="C163" s="83" t="s">
        <v>217</v>
      </c>
      <c r="D163" s="37"/>
      <c r="E163" s="90"/>
      <c r="F163" s="91"/>
    </row>
    <row r="164" spans="2:6" s="16" customFormat="1" ht="78" customHeight="1" x14ac:dyDescent="0.25">
      <c r="B164" s="69" t="s">
        <v>218</v>
      </c>
      <c r="C164" s="83" t="s">
        <v>219</v>
      </c>
      <c r="D164" s="37"/>
      <c r="E164" s="90"/>
      <c r="F164" s="91"/>
    </row>
    <row r="165" spans="2:6" s="16" customFormat="1" ht="103.5" customHeight="1" x14ac:dyDescent="0.25">
      <c r="B165" s="69" t="s">
        <v>220</v>
      </c>
      <c r="C165" s="83" t="s">
        <v>221</v>
      </c>
      <c r="D165" s="37"/>
      <c r="E165" s="90"/>
      <c r="F165" s="91"/>
    </row>
    <row r="166" spans="2:6" s="16" customFormat="1" ht="103.5" customHeight="1" x14ac:dyDescent="0.25">
      <c r="B166" s="84" t="s">
        <v>73</v>
      </c>
      <c r="C166" s="83" t="s">
        <v>222</v>
      </c>
      <c r="D166" s="37"/>
      <c r="E166" s="90"/>
      <c r="F166" s="91"/>
    </row>
    <row r="167" spans="2:6" s="16" customFormat="1" ht="103.5" customHeight="1" x14ac:dyDescent="0.25">
      <c r="B167" s="84" t="s">
        <v>74</v>
      </c>
      <c r="C167" s="83" t="s">
        <v>223</v>
      </c>
      <c r="D167" s="37"/>
      <c r="E167" s="90"/>
      <c r="F167" s="91"/>
    </row>
    <row r="168" spans="2:6" s="16" customFormat="1" ht="45" customHeight="1" x14ac:dyDescent="0.25">
      <c r="B168" s="69" t="s">
        <v>224</v>
      </c>
      <c r="C168" s="83" t="s">
        <v>225</v>
      </c>
      <c r="D168" s="37"/>
      <c r="E168" s="90"/>
      <c r="F168" s="91"/>
    </row>
    <row r="169" spans="2:6" s="16" customFormat="1" ht="78.75" customHeight="1" x14ac:dyDescent="0.25">
      <c r="B169" s="69" t="s">
        <v>226</v>
      </c>
      <c r="C169" s="83" t="s">
        <v>227</v>
      </c>
      <c r="D169" s="37"/>
      <c r="E169" s="90"/>
      <c r="F169" s="91"/>
    </row>
    <row r="170" spans="2:6" s="16" customFormat="1" ht="78.75" customHeight="1" x14ac:dyDescent="0.25">
      <c r="B170" s="69" t="s">
        <v>228</v>
      </c>
      <c r="C170" s="83" t="s">
        <v>229</v>
      </c>
      <c r="D170" s="37"/>
      <c r="E170" s="90"/>
      <c r="F170" s="91"/>
    </row>
    <row r="171" spans="2:6" s="16" customFormat="1" ht="78.75" customHeight="1" x14ac:dyDescent="0.25">
      <c r="B171" s="69" t="s">
        <v>230</v>
      </c>
      <c r="C171" s="83" t="s">
        <v>231</v>
      </c>
      <c r="D171" s="37"/>
      <c r="E171" s="90"/>
      <c r="F171" s="91"/>
    </row>
    <row r="172" spans="2:6" s="16" customFormat="1" ht="45" customHeight="1" x14ac:dyDescent="0.25">
      <c r="B172" s="69" t="s">
        <v>232</v>
      </c>
      <c r="C172" s="83" t="s">
        <v>233</v>
      </c>
      <c r="D172" s="37"/>
      <c r="E172" s="90"/>
      <c r="F172" s="91"/>
    </row>
    <row r="173" spans="2:6" s="16" customFormat="1" ht="69.75" customHeight="1" x14ac:dyDescent="0.25">
      <c r="B173" s="69" t="s">
        <v>234</v>
      </c>
      <c r="C173" s="83" t="s">
        <v>235</v>
      </c>
      <c r="D173" s="37"/>
      <c r="E173" s="90"/>
      <c r="F173" s="91"/>
    </row>
    <row r="174" spans="2:6" s="16" customFormat="1" ht="45" customHeight="1" x14ac:dyDescent="0.25">
      <c r="B174" s="69" t="s">
        <v>236</v>
      </c>
      <c r="C174" s="83" t="s">
        <v>237</v>
      </c>
      <c r="D174" s="37"/>
      <c r="E174" s="90"/>
      <c r="F174" s="91"/>
    </row>
    <row r="175" spans="2:6" s="16" customFormat="1" ht="45" customHeight="1" x14ac:dyDescent="0.25">
      <c r="B175" s="69" t="s">
        <v>238</v>
      </c>
      <c r="C175" s="83" t="s">
        <v>239</v>
      </c>
      <c r="D175" s="37"/>
      <c r="E175" s="90"/>
      <c r="F175" s="91"/>
    </row>
    <row r="176" spans="2:6" s="16" customFormat="1" ht="57.75" customHeight="1" x14ac:dyDescent="0.25">
      <c r="B176" s="69" t="s">
        <v>240</v>
      </c>
      <c r="C176" s="83" t="s">
        <v>241</v>
      </c>
      <c r="D176" s="37"/>
      <c r="E176" s="90"/>
      <c r="F176" s="91"/>
    </row>
    <row r="177" spans="2:6" s="16" customFormat="1" ht="78.75" customHeight="1" x14ac:dyDescent="0.25">
      <c r="B177" s="84" t="s">
        <v>75</v>
      </c>
      <c r="C177" s="83" t="s">
        <v>242</v>
      </c>
      <c r="D177" s="37"/>
      <c r="E177" s="90"/>
      <c r="F177" s="91"/>
    </row>
    <row r="178" spans="2:6" s="16" customFormat="1" ht="45" customHeight="1" x14ac:dyDescent="0.25">
      <c r="B178" s="84" t="s">
        <v>76</v>
      </c>
      <c r="C178" s="83" t="s">
        <v>243</v>
      </c>
      <c r="D178" s="37"/>
      <c r="E178" s="90"/>
      <c r="F178" s="91"/>
    </row>
    <row r="179" spans="2:6" s="16" customFormat="1" ht="45" customHeight="1" x14ac:dyDescent="0.25">
      <c r="B179" s="69" t="s">
        <v>244</v>
      </c>
      <c r="C179" s="83" t="s">
        <v>245</v>
      </c>
      <c r="D179" s="37"/>
      <c r="E179" s="90"/>
      <c r="F179" s="91"/>
    </row>
    <row r="180" spans="2:6" s="16" customFormat="1" ht="45" customHeight="1" x14ac:dyDescent="0.25">
      <c r="B180" s="69" t="s">
        <v>246</v>
      </c>
      <c r="C180" s="83" t="s">
        <v>247</v>
      </c>
      <c r="D180" s="37"/>
      <c r="E180" s="90"/>
      <c r="F180" s="91"/>
    </row>
    <row r="181" spans="2:6" s="16" customFormat="1" ht="93" customHeight="1" x14ac:dyDescent="0.25">
      <c r="B181" s="84" t="s">
        <v>77</v>
      </c>
      <c r="C181" s="83" t="s">
        <v>248</v>
      </c>
      <c r="D181" s="37"/>
      <c r="E181" s="90"/>
      <c r="F181" s="91"/>
    </row>
    <row r="182" spans="2:6" s="16" customFormat="1" ht="51" x14ac:dyDescent="0.25">
      <c r="B182" s="69" t="s">
        <v>249</v>
      </c>
      <c r="C182" s="85" t="s">
        <v>250</v>
      </c>
      <c r="D182" s="37"/>
      <c r="E182" s="90"/>
      <c r="F182" s="91"/>
    </row>
    <row r="183" spans="2:6" s="16" customFormat="1" ht="38.25" x14ac:dyDescent="0.25">
      <c r="B183" s="69" t="s">
        <v>251</v>
      </c>
      <c r="C183" s="85" t="s">
        <v>252</v>
      </c>
      <c r="D183" s="37"/>
      <c r="E183" s="90"/>
      <c r="F183" s="91"/>
    </row>
    <row r="184" spans="2:6" s="16" customFormat="1" ht="140.25" x14ac:dyDescent="0.25">
      <c r="B184" s="84" t="s">
        <v>78</v>
      </c>
      <c r="C184" s="83" t="s">
        <v>253</v>
      </c>
      <c r="D184" s="37"/>
      <c r="E184" s="90"/>
      <c r="F184" s="91"/>
    </row>
    <row r="185" spans="2:6" s="16" customFormat="1" ht="51" x14ac:dyDescent="0.25">
      <c r="B185" s="84" t="s">
        <v>126</v>
      </c>
      <c r="C185" s="83" t="s">
        <v>254</v>
      </c>
      <c r="D185" s="37"/>
      <c r="E185" s="90"/>
      <c r="F185" s="91"/>
    </row>
    <row r="186" spans="2:6" s="16" customFormat="1" ht="63.75" x14ac:dyDescent="0.25">
      <c r="B186" s="86" t="s">
        <v>128</v>
      </c>
      <c r="C186" s="83" t="s">
        <v>255</v>
      </c>
      <c r="D186" s="37"/>
      <c r="E186" s="90"/>
      <c r="F186" s="91"/>
    </row>
    <row r="187" spans="2:6" s="16" customFormat="1" ht="76.5" x14ac:dyDescent="0.25">
      <c r="B187" s="84" t="s">
        <v>130</v>
      </c>
      <c r="C187" s="66" t="s">
        <v>256</v>
      </c>
      <c r="D187" s="37"/>
      <c r="E187" s="90"/>
      <c r="F187" s="91"/>
    </row>
    <row r="188" spans="2:6" s="16" customFormat="1" ht="178.5" x14ac:dyDescent="0.25">
      <c r="B188" s="84" t="s">
        <v>132</v>
      </c>
      <c r="C188" s="66" t="s">
        <v>257</v>
      </c>
      <c r="D188" s="37"/>
      <c r="E188" s="90"/>
      <c r="F188" s="91"/>
    </row>
    <row r="189" spans="2:6" s="16" customFormat="1" ht="89.25" x14ac:dyDescent="0.25">
      <c r="B189" s="84" t="s">
        <v>134</v>
      </c>
      <c r="C189" s="66" t="s">
        <v>258</v>
      </c>
      <c r="D189" s="37"/>
      <c r="E189" s="90"/>
      <c r="F189" s="91"/>
    </row>
    <row r="190" spans="2:6" s="16" customFormat="1" ht="135" customHeight="1" x14ac:dyDescent="0.25">
      <c r="B190" s="84" t="s">
        <v>136</v>
      </c>
      <c r="C190" s="66" t="s">
        <v>259</v>
      </c>
      <c r="D190" s="37"/>
      <c r="E190" s="90"/>
      <c r="F190" s="91"/>
    </row>
    <row r="191" spans="2:6" s="16" customFormat="1" ht="63.75" x14ac:dyDescent="0.25">
      <c r="B191" s="84" t="s">
        <v>138</v>
      </c>
      <c r="C191" s="87" t="s">
        <v>260</v>
      </c>
      <c r="D191" s="37"/>
      <c r="E191" s="90"/>
      <c r="F191" s="91"/>
    </row>
    <row r="192" spans="2:6" s="16" customFormat="1" ht="67.5" customHeight="1" thickBot="1" x14ac:dyDescent="0.3">
      <c r="B192" s="88" t="s">
        <v>140</v>
      </c>
      <c r="C192" s="89" t="s">
        <v>261</v>
      </c>
      <c r="D192" s="62"/>
      <c r="E192" s="92"/>
      <c r="F192" s="93"/>
    </row>
    <row r="193" spans="2:7" s="25" customFormat="1" ht="18.75" customHeight="1" x14ac:dyDescent="0.25">
      <c r="B193" s="40"/>
      <c r="C193" s="40"/>
      <c r="D193" s="41"/>
      <c r="E193" s="41"/>
      <c r="F193" s="42"/>
      <c r="G193" s="16"/>
    </row>
    <row r="194" spans="2:7" s="16" customFormat="1" ht="18.75" customHeight="1" x14ac:dyDescent="0.25">
      <c r="B194" s="126" t="s">
        <v>47</v>
      </c>
      <c r="C194" s="126"/>
      <c r="D194" s="126"/>
      <c r="E194" s="126"/>
      <c r="F194" s="126"/>
    </row>
    <row r="195" spans="2:7" s="16" customFormat="1" ht="4.5" customHeight="1" thickBot="1" x14ac:dyDescent="0.3"/>
    <row r="196" spans="2:7" s="16" customFormat="1" ht="80.25" customHeight="1" x14ac:dyDescent="0.25">
      <c r="B196" s="127" t="s">
        <v>265</v>
      </c>
      <c r="C196" s="128"/>
      <c r="D196" s="131" t="s">
        <v>48</v>
      </c>
      <c r="E196" s="132"/>
      <c r="F196" s="133"/>
    </row>
    <row r="197" spans="2:7" s="25" customFormat="1" ht="29.25" customHeight="1" thickBot="1" x14ac:dyDescent="0.3">
      <c r="B197" s="129"/>
      <c r="C197" s="130"/>
      <c r="D197" s="65" t="s">
        <v>7</v>
      </c>
      <c r="E197" s="134" t="s">
        <v>28</v>
      </c>
      <c r="F197" s="135"/>
      <c r="G197" s="16"/>
    </row>
    <row r="198" spans="2:7" s="25" customFormat="1" ht="130.5" customHeight="1" x14ac:dyDescent="0.25">
      <c r="B198" s="57" t="s">
        <v>15</v>
      </c>
      <c r="C198" s="60" t="s">
        <v>64</v>
      </c>
      <c r="D198" s="43"/>
      <c r="E198" s="101"/>
      <c r="F198" s="102"/>
      <c r="G198" s="16"/>
    </row>
    <row r="199" spans="2:7" s="25" customFormat="1" ht="31.5" customHeight="1" x14ac:dyDescent="0.25">
      <c r="B199" s="68" t="s">
        <v>50</v>
      </c>
      <c r="C199" s="58" t="s">
        <v>58</v>
      </c>
      <c r="D199" s="67"/>
      <c r="E199" s="90"/>
      <c r="F199" s="91"/>
      <c r="G199" s="16"/>
    </row>
    <row r="200" spans="2:7" s="25" customFormat="1" ht="30" customHeight="1" x14ac:dyDescent="0.25">
      <c r="B200" s="69" t="s">
        <v>51</v>
      </c>
      <c r="C200" s="58" t="s">
        <v>49</v>
      </c>
      <c r="D200" s="67"/>
      <c r="E200" s="90"/>
      <c r="F200" s="91"/>
      <c r="G200" s="16"/>
    </row>
    <row r="201" spans="2:7" s="25" customFormat="1" ht="45.75" customHeight="1" x14ac:dyDescent="0.25">
      <c r="B201" s="69" t="s">
        <v>52</v>
      </c>
      <c r="C201" s="66" t="s">
        <v>192</v>
      </c>
      <c r="D201" s="67"/>
      <c r="E201" s="90"/>
      <c r="F201" s="91"/>
      <c r="G201" s="16"/>
    </row>
    <row r="202" spans="2:7" s="25" customFormat="1" ht="51.75" customHeight="1" x14ac:dyDescent="0.25">
      <c r="B202" s="68" t="s">
        <v>65</v>
      </c>
      <c r="C202" s="58" t="s">
        <v>262</v>
      </c>
      <c r="D202" s="67"/>
      <c r="E202" s="90"/>
      <c r="F202" s="91"/>
      <c r="G202" s="16"/>
    </row>
    <row r="203" spans="2:7" s="25" customFormat="1" ht="51.75" customHeight="1" x14ac:dyDescent="0.25">
      <c r="B203" s="68" t="s">
        <v>66</v>
      </c>
      <c r="C203" s="66" t="s">
        <v>263</v>
      </c>
      <c r="D203" s="67"/>
      <c r="E203" s="90"/>
      <c r="F203" s="91"/>
      <c r="G203" s="16"/>
    </row>
    <row r="204" spans="2:7" s="25" customFormat="1" ht="96.75" customHeight="1" thickBot="1" x14ac:dyDescent="0.3">
      <c r="B204" s="59" t="s">
        <v>67</v>
      </c>
      <c r="C204" s="70" t="s">
        <v>264</v>
      </c>
      <c r="D204" s="44"/>
      <c r="E204" s="92"/>
      <c r="F204" s="93"/>
      <c r="G204" s="16"/>
    </row>
    <row r="205" spans="2:7" s="16" customFormat="1" ht="15" customHeight="1" x14ac:dyDescent="0.25">
      <c r="B205" s="40"/>
      <c r="C205" s="40"/>
      <c r="D205" s="41"/>
      <c r="E205" s="41"/>
      <c r="F205" s="42"/>
    </row>
    <row r="206" spans="2:7" s="16" customFormat="1" ht="20.100000000000001" customHeight="1" x14ac:dyDescent="0.25">
      <c r="B206" s="126" t="s">
        <v>14</v>
      </c>
      <c r="C206" s="126"/>
      <c r="D206" s="126"/>
      <c r="E206" s="126"/>
      <c r="F206" s="126"/>
    </row>
    <row r="207" spans="2:7" s="25" customFormat="1" ht="24.75" customHeight="1" x14ac:dyDescent="0.25">
      <c r="B207" s="40" t="s">
        <v>16</v>
      </c>
      <c r="C207" s="140" t="s">
        <v>59</v>
      </c>
      <c r="D207" s="140"/>
      <c r="E207" s="140"/>
      <c r="F207" s="140"/>
      <c r="G207" s="16"/>
    </row>
    <row r="208" spans="2:7" s="25" customFormat="1" ht="23.25" customHeight="1" x14ac:dyDescent="0.25">
      <c r="B208" s="40" t="s">
        <v>62</v>
      </c>
      <c r="C208" s="140" t="s">
        <v>63</v>
      </c>
      <c r="D208" s="140"/>
      <c r="E208" s="140"/>
      <c r="F208" s="140"/>
      <c r="G208" s="16"/>
    </row>
    <row r="209" spans="1:15" s="45" customFormat="1" ht="30" customHeight="1" x14ac:dyDescent="0.25">
      <c r="B209" s="141" t="s">
        <v>29</v>
      </c>
      <c r="C209" s="141"/>
      <c r="D209" s="141"/>
      <c r="E209" s="141"/>
      <c r="F209" s="25"/>
      <c r="G209" s="16"/>
    </row>
    <row r="210" spans="1:15" s="16" customFormat="1" ht="24.95" customHeight="1" x14ac:dyDescent="0.25">
      <c r="B210" s="46" t="s">
        <v>30</v>
      </c>
      <c r="C210" s="138"/>
      <c r="D210" s="138"/>
      <c r="F210" s="45"/>
    </row>
    <row r="211" spans="1:15" s="16" customFormat="1" ht="24.95" customHeight="1" x14ac:dyDescent="0.25">
      <c r="B211" s="46" t="s">
        <v>31</v>
      </c>
      <c r="C211" s="138"/>
      <c r="D211" s="138"/>
      <c r="F211" s="45"/>
    </row>
    <row r="212" spans="1:15" s="16" customFormat="1" ht="24.95" customHeight="1" x14ac:dyDescent="0.25">
      <c r="B212" s="46" t="s">
        <v>32</v>
      </c>
      <c r="C212" s="138"/>
      <c r="D212" s="138"/>
      <c r="F212" s="45"/>
    </row>
    <row r="213" spans="1:15" s="25" customFormat="1" ht="24.95" customHeight="1" x14ac:dyDescent="0.25">
      <c r="B213" s="46" t="s">
        <v>33</v>
      </c>
      <c r="C213" s="138"/>
      <c r="D213" s="138"/>
      <c r="E213" s="16"/>
      <c r="F213" s="47"/>
      <c r="G213" s="16"/>
    </row>
    <row r="214" spans="1:15" s="16" customFormat="1" ht="14.25" customHeight="1" x14ac:dyDescent="0.2">
      <c r="B214" s="48"/>
      <c r="C214" s="1"/>
      <c r="D214" s="1"/>
      <c r="F214" s="49"/>
    </row>
    <row r="215" spans="1:15" s="25" customFormat="1" ht="15" customHeight="1" x14ac:dyDescent="0.25">
      <c r="B215" s="142" t="s">
        <v>34</v>
      </c>
      <c r="C215" s="142"/>
      <c r="D215" s="142"/>
      <c r="E215" s="142"/>
      <c r="F215" s="142"/>
    </row>
    <row r="216" spans="1:15" s="16" customFormat="1" ht="36.75" customHeight="1" x14ac:dyDescent="0.25">
      <c r="B216" s="139" t="s">
        <v>61</v>
      </c>
      <c r="C216" s="139"/>
      <c r="D216" s="139"/>
      <c r="E216" s="139"/>
      <c r="F216" s="139"/>
    </row>
    <row r="217" spans="1:15" s="16" customFormat="1" ht="20.100000000000001" customHeight="1" x14ac:dyDescent="0.2">
      <c r="B217" s="11"/>
      <c r="C217" s="11"/>
      <c r="D217" s="26"/>
      <c r="E217" s="26"/>
    </row>
    <row r="218" spans="1:15" s="25" customFormat="1" ht="4.5" customHeight="1" x14ac:dyDescent="0.2">
      <c r="B218" s="11"/>
      <c r="C218" s="11"/>
      <c r="D218" s="26"/>
      <c r="E218" s="26"/>
      <c r="F218" s="16"/>
    </row>
    <row r="219" spans="1:15" s="25" customFormat="1" ht="20.100000000000001" customHeight="1" x14ac:dyDescent="0.25">
      <c r="B219" s="50" t="s">
        <v>35</v>
      </c>
      <c r="C219" s="51"/>
      <c r="D219" s="52" t="s">
        <v>36</v>
      </c>
      <c r="E219" s="136"/>
      <c r="F219" s="136"/>
    </row>
    <row r="220" spans="1:15" s="25" customFormat="1" ht="20.100000000000001" customHeight="1" x14ac:dyDescent="0.25">
      <c r="B220" s="53"/>
      <c r="C220" s="53"/>
      <c r="D220" s="53"/>
      <c r="E220" s="54"/>
      <c r="F220" s="54"/>
    </row>
    <row r="221" spans="1:15" ht="20.100000000000001" customHeight="1" x14ac:dyDescent="0.2">
      <c r="B221" s="50" t="s">
        <v>37</v>
      </c>
      <c r="C221" s="51"/>
      <c r="D221" s="55" t="s">
        <v>38</v>
      </c>
      <c r="E221" s="137"/>
      <c r="F221" s="137"/>
    </row>
    <row r="222" spans="1:15" s="16" customFormat="1" ht="20.100000000000001" customHeight="1" x14ac:dyDescent="0.2">
      <c r="B222" s="11"/>
      <c r="C222" s="11"/>
      <c r="D222" s="55" t="s">
        <v>39</v>
      </c>
      <c r="E222" s="138"/>
      <c r="F222" s="138"/>
    </row>
    <row r="223" spans="1:15" s="16" customFormat="1" ht="20.100000000000001" customHeight="1" x14ac:dyDescent="0.2">
      <c r="B223" s="11"/>
      <c r="C223" s="11"/>
      <c r="D223" s="56" t="s">
        <v>40</v>
      </c>
      <c r="E223" s="11"/>
    </row>
    <row r="224" spans="1:15" s="1" customFormat="1" ht="12" x14ac:dyDescent="0.2">
      <c r="A224" s="125" t="s">
        <v>56</v>
      </c>
      <c r="B224" s="125"/>
      <c r="D224" s="73"/>
      <c r="E224" s="73"/>
      <c r="F224" s="2"/>
      <c r="G224" s="2"/>
      <c r="H224" s="2"/>
      <c r="I224" s="2"/>
      <c r="J224" s="2"/>
      <c r="K224" s="2"/>
      <c r="L224" s="2"/>
      <c r="M224" s="3"/>
      <c r="O224" s="3"/>
    </row>
    <row r="225" spans="1:15" s="10" customFormat="1" ht="15" x14ac:dyDescent="0.25">
      <c r="A225" s="4"/>
      <c r="B225" s="5" t="s">
        <v>57</v>
      </c>
      <c r="C225" s="6"/>
      <c r="D225" s="7"/>
      <c r="E225" s="7"/>
      <c r="F225" s="8"/>
      <c r="G225" s="8"/>
      <c r="H225" s="8"/>
      <c r="I225" s="8"/>
      <c r="J225" s="8"/>
      <c r="K225" s="8"/>
      <c r="L225" s="8"/>
      <c r="M225" s="9"/>
      <c r="O225" s="9"/>
    </row>
    <row r="226" spans="1:15" s="16" customFormat="1" ht="24" customHeight="1" x14ac:dyDescent="0.25"/>
    <row r="227" spans="1:15" s="16" customFormat="1" ht="24" customHeight="1" x14ac:dyDescent="0.25"/>
    <row r="228" spans="1:15" s="16" customFormat="1" ht="24" customHeight="1" x14ac:dyDescent="0.25"/>
    <row r="229" spans="1:15" s="16" customFormat="1" ht="20.100000000000001" customHeight="1" x14ac:dyDescent="0.25"/>
    <row r="230" spans="1:15" s="16" customFormat="1" ht="20.100000000000001" customHeight="1" x14ac:dyDescent="0.25"/>
    <row r="231" spans="1:15" s="16" customFormat="1" ht="50.1" customHeight="1" x14ac:dyDescent="0.25"/>
    <row r="232" spans="1:15" s="16" customFormat="1" ht="43.5" customHeight="1" x14ac:dyDescent="0.25"/>
    <row r="233" spans="1:15" ht="24.75" customHeight="1" x14ac:dyDescent="0.2">
      <c r="B233" s="16"/>
      <c r="C233" s="16"/>
      <c r="D233" s="16"/>
      <c r="E233" s="16"/>
    </row>
    <row r="234" spans="1:15" x14ac:dyDescent="0.2">
      <c r="B234" s="16"/>
      <c r="C234" s="16"/>
      <c r="D234" s="16"/>
      <c r="E234" s="16"/>
    </row>
    <row r="235" spans="1:15" ht="20.100000000000001" customHeight="1" x14ac:dyDescent="0.2"/>
    <row r="236" spans="1:15" ht="4.5" customHeight="1" x14ac:dyDescent="0.2"/>
    <row r="237" spans="1:15" ht="20.100000000000001" customHeight="1" x14ac:dyDescent="0.2"/>
    <row r="238" spans="1:15" ht="20.100000000000001" customHeight="1" x14ac:dyDescent="0.2"/>
    <row r="239" spans="1:15" ht="20.100000000000001" customHeight="1" x14ac:dyDescent="0.2"/>
  </sheetData>
  <sheetProtection algorithmName="SHA-512" hashValue="ZoCETsSx5aLf+9Kgi96pYs2h9qtR3o+1yPdBPEvG8u71y1hocrmcZQINbN6dIdfTM6eUmtUUGNm9HUQ0tPq3yg==" saltValue="y2QYKI58J8W5Ai1eog+xjw==" spinCount="100000" sheet="1" formatCells="0" formatColumns="0" formatRows="0" insertColumns="0" insertRows="0" insertHyperlinks="0" deleteColumns="0" deleteRows="0" selectLockedCells="1" sort="0" autoFilter="0" pivotTables="0"/>
  <mergeCells count="204">
    <mergeCell ref="B2:F2"/>
    <mergeCell ref="B1:F1"/>
    <mergeCell ref="B23:C23"/>
    <mergeCell ref="B26:C26"/>
    <mergeCell ref="E202:F202"/>
    <mergeCell ref="B142:F142"/>
    <mergeCell ref="B144:C145"/>
    <mergeCell ref="D144:F144"/>
    <mergeCell ref="E145:F145"/>
    <mergeCell ref="B21:F21"/>
    <mergeCell ref="B16:D16"/>
    <mergeCell ref="B17:D17"/>
    <mergeCell ref="B18:F18"/>
    <mergeCell ref="B3:F3"/>
    <mergeCell ref="B12:D12"/>
    <mergeCell ref="B7:F7"/>
    <mergeCell ref="B8:F8"/>
    <mergeCell ref="B9:F9"/>
    <mergeCell ref="B11:F11"/>
    <mergeCell ref="E146:F146"/>
    <mergeCell ref="B36:F36"/>
    <mergeCell ref="B84:F84"/>
    <mergeCell ref="E48:F48"/>
    <mergeCell ref="E49:F49"/>
    <mergeCell ref="E50:F50"/>
    <mergeCell ref="E51:F51"/>
    <mergeCell ref="E52:F52"/>
    <mergeCell ref="E53:F53"/>
    <mergeCell ref="E54:F54"/>
    <mergeCell ref="E55:F55"/>
    <mergeCell ref="E56:F56"/>
    <mergeCell ref="E57:F57"/>
    <mergeCell ref="E58:F58"/>
    <mergeCell ref="E59:F59"/>
    <mergeCell ref="A224:B224"/>
    <mergeCell ref="B194:F194"/>
    <mergeCell ref="B196:C197"/>
    <mergeCell ref="D196:F196"/>
    <mergeCell ref="E197:F197"/>
    <mergeCell ref="E219:F219"/>
    <mergeCell ref="E221:F221"/>
    <mergeCell ref="E222:F222"/>
    <mergeCell ref="B216:F216"/>
    <mergeCell ref="B206:F206"/>
    <mergeCell ref="C207:F207"/>
    <mergeCell ref="B209:E209"/>
    <mergeCell ref="B215:F215"/>
    <mergeCell ref="C210:D210"/>
    <mergeCell ref="C211:D211"/>
    <mergeCell ref="C212:D212"/>
    <mergeCell ref="C208:F208"/>
    <mergeCell ref="C213:D213"/>
    <mergeCell ref="E204:F204"/>
    <mergeCell ref="E203:F203"/>
    <mergeCell ref="E85:F85"/>
    <mergeCell ref="E60:F60"/>
    <mergeCell ref="E61:F61"/>
    <mergeCell ref="E47:F47"/>
    <mergeCell ref="C30:D30"/>
    <mergeCell ref="B13:D13"/>
    <mergeCell ref="B19:F19"/>
    <mergeCell ref="B20:D20"/>
    <mergeCell ref="B22:F22"/>
    <mergeCell ref="C27:D27"/>
    <mergeCell ref="B38:C39"/>
    <mergeCell ref="D38:F38"/>
    <mergeCell ref="E39:F39"/>
    <mergeCell ref="B32:C32"/>
    <mergeCell ref="C28:D28"/>
    <mergeCell ref="C29:D29"/>
    <mergeCell ref="B40:F40"/>
    <mergeCell ref="E41:F41"/>
    <mergeCell ref="E42:F42"/>
    <mergeCell ref="E43:F43"/>
    <mergeCell ref="E44:F44"/>
    <mergeCell ref="E45:F45"/>
    <mergeCell ref="E46:F46"/>
    <mergeCell ref="E62:F62"/>
    <mergeCell ref="E63:F63"/>
    <mergeCell ref="E64:F64"/>
    <mergeCell ref="E119:F119"/>
    <mergeCell ref="E120:F120"/>
    <mergeCell ref="E65:F65"/>
    <mergeCell ref="E66:F66"/>
    <mergeCell ref="E67:F67"/>
    <mergeCell ref="E68:F68"/>
    <mergeCell ref="E69:F69"/>
    <mergeCell ref="E70:F70"/>
    <mergeCell ref="E71:F71"/>
    <mergeCell ref="E72:F72"/>
    <mergeCell ref="E73:F73"/>
    <mergeCell ref="E74:F74"/>
    <mergeCell ref="E95:F95"/>
    <mergeCell ref="E96:F96"/>
    <mergeCell ref="E106:F106"/>
    <mergeCell ref="E107:F107"/>
    <mergeCell ref="E108:F108"/>
    <mergeCell ref="E109:F109"/>
    <mergeCell ref="E110:F110"/>
    <mergeCell ref="E111:F111"/>
    <mergeCell ref="E112:F112"/>
    <mergeCell ref="E200:F200"/>
    <mergeCell ref="E201:F201"/>
    <mergeCell ref="E75:F75"/>
    <mergeCell ref="E76:F76"/>
    <mergeCell ref="E77:F77"/>
    <mergeCell ref="E78:F78"/>
    <mergeCell ref="E79:F79"/>
    <mergeCell ref="E80:F80"/>
    <mergeCell ref="E81:F81"/>
    <mergeCell ref="E82:F82"/>
    <mergeCell ref="E83:F83"/>
    <mergeCell ref="E94:F94"/>
    <mergeCell ref="E97:F97"/>
    <mergeCell ref="E98:F98"/>
    <mergeCell ref="E99:F99"/>
    <mergeCell ref="E100:F100"/>
    <mergeCell ref="E101:F101"/>
    <mergeCell ref="E102:F102"/>
    <mergeCell ref="E103:F103"/>
    <mergeCell ref="E104:F104"/>
    <mergeCell ref="E105:F105"/>
    <mergeCell ref="E198:F198"/>
    <mergeCell ref="E199:F199"/>
    <mergeCell ref="E118:F118"/>
    <mergeCell ref="E140:F140"/>
    <mergeCell ref="E130:F130"/>
    <mergeCell ref="E131:F131"/>
    <mergeCell ref="E132:F132"/>
    <mergeCell ref="E133:F133"/>
    <mergeCell ref="E134:F134"/>
    <mergeCell ref="E135:F135"/>
    <mergeCell ref="E136:F136"/>
    <mergeCell ref="E137:F137"/>
    <mergeCell ref="E138:F138"/>
    <mergeCell ref="E192:F192"/>
    <mergeCell ref="E86:F86"/>
    <mergeCell ref="E87:F87"/>
    <mergeCell ref="E88:F88"/>
    <mergeCell ref="E89:F89"/>
    <mergeCell ref="E90:F90"/>
    <mergeCell ref="E91:F91"/>
    <mergeCell ref="E92:F92"/>
    <mergeCell ref="E93:F93"/>
    <mergeCell ref="E139:F139"/>
    <mergeCell ref="E121:F121"/>
    <mergeCell ref="E122:F122"/>
    <mergeCell ref="E123:F123"/>
    <mergeCell ref="E124:F124"/>
    <mergeCell ref="E125:F125"/>
    <mergeCell ref="E126:F126"/>
    <mergeCell ref="E127:F127"/>
    <mergeCell ref="B128:F128"/>
    <mergeCell ref="E129:F129"/>
    <mergeCell ref="E113:F113"/>
    <mergeCell ref="E114:F114"/>
    <mergeCell ref="E115:F115"/>
    <mergeCell ref="E116:F116"/>
    <mergeCell ref="E117:F117"/>
    <mergeCell ref="E168:F168"/>
    <mergeCell ref="E187:F187"/>
    <mergeCell ref="E188:F188"/>
    <mergeCell ref="E189:F189"/>
    <mergeCell ref="E190:F190"/>
    <mergeCell ref="E191:F191"/>
    <mergeCell ref="E169:F169"/>
    <mergeCell ref="E170:F170"/>
    <mergeCell ref="E171:F171"/>
    <mergeCell ref="E172:F172"/>
    <mergeCell ref="E173:F173"/>
    <mergeCell ref="E174:F174"/>
    <mergeCell ref="E175:F175"/>
    <mergeCell ref="E176:F176"/>
    <mergeCell ref="E177:F177"/>
    <mergeCell ref="E178:F178"/>
    <mergeCell ref="E179:F179"/>
    <mergeCell ref="E180:F180"/>
    <mergeCell ref="E181:F181"/>
    <mergeCell ref="E182:F182"/>
    <mergeCell ref="E183:F183"/>
    <mergeCell ref="E184:F184"/>
    <mergeCell ref="E185:F185"/>
    <mergeCell ref="E186:F186"/>
    <mergeCell ref="E147:F147"/>
    <mergeCell ref="E148:F148"/>
    <mergeCell ref="E149:F149"/>
    <mergeCell ref="E150:F150"/>
    <mergeCell ref="E151:F151"/>
    <mergeCell ref="E152:F152"/>
    <mergeCell ref="E153:F153"/>
    <mergeCell ref="E154:F154"/>
    <mergeCell ref="E155:F155"/>
    <mergeCell ref="E165:F165"/>
    <mergeCell ref="E166:F166"/>
    <mergeCell ref="E167:F167"/>
    <mergeCell ref="E156:F156"/>
    <mergeCell ref="E157:F157"/>
    <mergeCell ref="E158:F158"/>
    <mergeCell ref="E159:F159"/>
    <mergeCell ref="E160:F160"/>
    <mergeCell ref="E161:F161"/>
    <mergeCell ref="E162:F162"/>
    <mergeCell ref="E163:F163"/>
    <mergeCell ref="E164:F164"/>
  </mergeCells>
  <conditionalFormatting sqref="D146">
    <cfRule type="containsBlanks" dxfId="103" priority="382">
      <formula>LEN(TRIM(D146))=0</formula>
    </cfRule>
  </conditionalFormatting>
  <conditionalFormatting sqref="E221:F221">
    <cfRule type="containsBlanks" dxfId="102" priority="381">
      <formula>LEN(TRIM(E221))=0</formula>
    </cfRule>
  </conditionalFormatting>
  <conditionalFormatting sqref="C219">
    <cfRule type="containsBlanks" dxfId="101" priority="379">
      <formula>LEN(TRIM(C219))=0</formula>
    </cfRule>
  </conditionalFormatting>
  <conditionalFormatting sqref="E222:F222">
    <cfRule type="containsBlanks" dxfId="100" priority="380">
      <formula>LEN(TRIM(E222))=0</formula>
    </cfRule>
  </conditionalFormatting>
  <conditionalFormatting sqref="C221">
    <cfRule type="containsBlanks" dxfId="99" priority="378">
      <formula>LEN(TRIM(C221))=0</formula>
    </cfRule>
  </conditionalFormatting>
  <conditionalFormatting sqref="C4:C5">
    <cfRule type="containsBlanks" dxfId="98" priority="377">
      <formula>LEN(TRIM(C4))=0</formula>
    </cfRule>
  </conditionalFormatting>
  <conditionalFormatting sqref="D202">
    <cfRule type="containsBlanks" dxfId="97" priority="371">
      <formula>LEN(TRIM(D202))=0</formula>
    </cfRule>
  </conditionalFormatting>
  <conditionalFormatting sqref="C212:D212">
    <cfRule type="containsBlanks" dxfId="96" priority="367">
      <formula>LEN(TRIM(C212))=0</formula>
    </cfRule>
  </conditionalFormatting>
  <conditionalFormatting sqref="C211:D211">
    <cfRule type="containsBlanks" dxfId="95" priority="318">
      <formula>LEN(TRIM(C211))=0</formula>
    </cfRule>
  </conditionalFormatting>
  <conditionalFormatting sqref="C210:D210">
    <cfRule type="containsBlanks" dxfId="94" priority="317">
      <formula>LEN(TRIM(C210))=0</formula>
    </cfRule>
  </conditionalFormatting>
  <conditionalFormatting sqref="C213:D213">
    <cfRule type="containsBlanks" dxfId="93" priority="316">
      <formula>LEN(TRIM(C213))=0</formula>
    </cfRule>
  </conditionalFormatting>
  <conditionalFormatting sqref="D203">
    <cfRule type="containsBlanks" dxfId="92" priority="292">
      <formula>LEN(TRIM(D203))=0</formula>
    </cfRule>
  </conditionalFormatting>
  <conditionalFormatting sqref="D204">
    <cfRule type="containsBlanks" dxfId="91" priority="263">
      <formula>LEN(TRIM(D204))=0</formula>
    </cfRule>
  </conditionalFormatting>
  <conditionalFormatting sqref="D85">
    <cfRule type="containsBlanks" dxfId="90" priority="227">
      <formula>LEN(TRIM(D85))=0</formula>
    </cfRule>
  </conditionalFormatting>
  <conditionalFormatting sqref="D41">
    <cfRule type="containsBlanks" dxfId="89" priority="132">
      <formula>LEN(TRIM(D41))=0</formula>
    </cfRule>
  </conditionalFormatting>
  <conditionalFormatting sqref="D72:D73">
    <cfRule type="containsBlanks" dxfId="88" priority="131">
      <formula>LEN(TRIM(D72))=0</formula>
    </cfRule>
  </conditionalFormatting>
  <conditionalFormatting sqref="D74">
    <cfRule type="containsBlanks" dxfId="87" priority="130">
      <formula>LEN(TRIM(D74))=0</formula>
    </cfRule>
  </conditionalFormatting>
  <conditionalFormatting sqref="D42:D43">
    <cfRule type="containsBlanks" dxfId="86" priority="129">
      <formula>LEN(TRIM(D42))=0</formula>
    </cfRule>
  </conditionalFormatting>
  <conditionalFormatting sqref="D44">
    <cfRule type="containsBlanks" dxfId="85" priority="128">
      <formula>LEN(TRIM(D44))=0</formula>
    </cfRule>
  </conditionalFormatting>
  <conditionalFormatting sqref="D45">
    <cfRule type="containsBlanks" dxfId="84" priority="127">
      <formula>LEN(TRIM(D45))=0</formula>
    </cfRule>
  </conditionalFormatting>
  <conditionalFormatting sqref="D46:D47">
    <cfRule type="containsBlanks" dxfId="83" priority="126">
      <formula>LEN(TRIM(D46))=0</formula>
    </cfRule>
  </conditionalFormatting>
  <conditionalFormatting sqref="D48">
    <cfRule type="containsBlanks" dxfId="82" priority="125">
      <formula>LEN(TRIM(D48))=0</formula>
    </cfRule>
  </conditionalFormatting>
  <conditionalFormatting sqref="D49">
    <cfRule type="containsBlanks" dxfId="81" priority="124">
      <formula>LEN(TRIM(D49))=0</formula>
    </cfRule>
  </conditionalFormatting>
  <conditionalFormatting sqref="D50:D51">
    <cfRule type="containsBlanks" dxfId="80" priority="123">
      <formula>LEN(TRIM(D50))=0</formula>
    </cfRule>
  </conditionalFormatting>
  <conditionalFormatting sqref="D52">
    <cfRule type="containsBlanks" dxfId="79" priority="122">
      <formula>LEN(TRIM(D52))=0</formula>
    </cfRule>
  </conditionalFormatting>
  <conditionalFormatting sqref="D53">
    <cfRule type="containsBlanks" dxfId="78" priority="121">
      <formula>LEN(TRIM(D53))=0</formula>
    </cfRule>
  </conditionalFormatting>
  <conditionalFormatting sqref="D54:D55">
    <cfRule type="containsBlanks" dxfId="77" priority="120">
      <formula>LEN(TRIM(D54))=0</formula>
    </cfRule>
  </conditionalFormatting>
  <conditionalFormatting sqref="D56">
    <cfRule type="containsBlanks" dxfId="76" priority="119">
      <formula>LEN(TRIM(D56))=0</formula>
    </cfRule>
  </conditionalFormatting>
  <conditionalFormatting sqref="D79">
    <cfRule type="containsBlanks" dxfId="75" priority="75">
      <formula>LEN(TRIM(D79))=0</formula>
    </cfRule>
  </conditionalFormatting>
  <conditionalFormatting sqref="D57:D58">
    <cfRule type="containsBlanks" dxfId="74" priority="117">
      <formula>LEN(TRIM(D57))=0</formula>
    </cfRule>
  </conditionalFormatting>
  <conditionalFormatting sqref="D59">
    <cfRule type="containsBlanks" dxfId="73" priority="116">
      <formula>LEN(TRIM(D59))=0</formula>
    </cfRule>
  </conditionalFormatting>
  <conditionalFormatting sqref="D60">
    <cfRule type="containsBlanks" dxfId="72" priority="115">
      <formula>LEN(TRIM(D60))=0</formula>
    </cfRule>
  </conditionalFormatting>
  <conditionalFormatting sqref="D61:D62">
    <cfRule type="containsBlanks" dxfId="71" priority="114">
      <formula>LEN(TRIM(D61))=0</formula>
    </cfRule>
  </conditionalFormatting>
  <conditionalFormatting sqref="D63">
    <cfRule type="containsBlanks" dxfId="70" priority="113">
      <formula>LEN(TRIM(D63))=0</formula>
    </cfRule>
  </conditionalFormatting>
  <conditionalFormatting sqref="D64">
    <cfRule type="containsBlanks" dxfId="69" priority="112">
      <formula>LEN(TRIM(D64))=0</formula>
    </cfRule>
  </conditionalFormatting>
  <conditionalFormatting sqref="D65:D66">
    <cfRule type="containsBlanks" dxfId="68" priority="111">
      <formula>LEN(TRIM(D65))=0</formula>
    </cfRule>
  </conditionalFormatting>
  <conditionalFormatting sqref="D67">
    <cfRule type="containsBlanks" dxfId="67" priority="110">
      <formula>LEN(TRIM(D67))=0</formula>
    </cfRule>
  </conditionalFormatting>
  <conditionalFormatting sqref="D68">
    <cfRule type="containsBlanks" dxfId="66" priority="109">
      <formula>LEN(TRIM(D68))=0</formula>
    </cfRule>
  </conditionalFormatting>
  <conditionalFormatting sqref="D69:D70">
    <cfRule type="containsBlanks" dxfId="65" priority="108">
      <formula>LEN(TRIM(D69))=0</formula>
    </cfRule>
  </conditionalFormatting>
  <conditionalFormatting sqref="D71">
    <cfRule type="containsBlanks" dxfId="64" priority="107">
      <formula>LEN(TRIM(D71))=0</formula>
    </cfRule>
  </conditionalFormatting>
  <conditionalFormatting sqref="D75">
    <cfRule type="containsBlanks" dxfId="63" priority="78">
      <formula>LEN(TRIM(D75))=0</formula>
    </cfRule>
  </conditionalFormatting>
  <conditionalFormatting sqref="D76">
    <cfRule type="containsBlanks" dxfId="62" priority="77">
      <formula>LEN(TRIM(D76))=0</formula>
    </cfRule>
  </conditionalFormatting>
  <conditionalFormatting sqref="D77:D78">
    <cfRule type="containsBlanks" dxfId="61" priority="76">
      <formula>LEN(TRIM(D77))=0</formula>
    </cfRule>
  </conditionalFormatting>
  <conditionalFormatting sqref="D94:D95">
    <cfRule type="containsBlanks" dxfId="60" priority="69">
      <formula>LEN(TRIM(D94))=0</formula>
    </cfRule>
  </conditionalFormatting>
  <conditionalFormatting sqref="D80">
    <cfRule type="containsBlanks" dxfId="59" priority="74">
      <formula>LEN(TRIM(D80))=0</formula>
    </cfRule>
  </conditionalFormatting>
  <conditionalFormatting sqref="D81:D82">
    <cfRule type="containsBlanks" dxfId="58" priority="73">
      <formula>LEN(TRIM(D81))=0</formula>
    </cfRule>
  </conditionalFormatting>
  <conditionalFormatting sqref="D83">
    <cfRule type="containsBlanks" dxfId="57" priority="72">
      <formula>LEN(TRIM(D83))=0</formula>
    </cfRule>
  </conditionalFormatting>
  <conditionalFormatting sqref="D124:D125">
    <cfRule type="containsBlanks" dxfId="56" priority="71">
      <formula>LEN(TRIM(D124))=0</formula>
    </cfRule>
  </conditionalFormatting>
  <conditionalFormatting sqref="D126">
    <cfRule type="containsBlanks" dxfId="55" priority="70">
      <formula>LEN(TRIM(D126))=0</formula>
    </cfRule>
  </conditionalFormatting>
  <conditionalFormatting sqref="D100">
    <cfRule type="containsBlanks" dxfId="54" priority="65">
      <formula>LEN(TRIM(D100))=0</formula>
    </cfRule>
  </conditionalFormatting>
  <conditionalFormatting sqref="D96">
    <cfRule type="containsBlanks" dxfId="53" priority="68">
      <formula>LEN(TRIM(D96))=0</formula>
    </cfRule>
  </conditionalFormatting>
  <conditionalFormatting sqref="D97">
    <cfRule type="containsBlanks" dxfId="52" priority="67">
      <formula>LEN(TRIM(D97))=0</formula>
    </cfRule>
  </conditionalFormatting>
  <conditionalFormatting sqref="D98:D99">
    <cfRule type="containsBlanks" dxfId="51" priority="66">
      <formula>LEN(TRIM(D98))=0</formula>
    </cfRule>
  </conditionalFormatting>
  <conditionalFormatting sqref="D101">
    <cfRule type="containsBlanks" dxfId="50" priority="64">
      <formula>LEN(TRIM(D101))=0</formula>
    </cfRule>
  </conditionalFormatting>
  <conditionalFormatting sqref="D102:D103">
    <cfRule type="containsBlanks" dxfId="49" priority="63">
      <formula>LEN(TRIM(D102))=0</formula>
    </cfRule>
  </conditionalFormatting>
  <conditionalFormatting sqref="D104">
    <cfRule type="containsBlanks" dxfId="48" priority="62">
      <formula>LEN(TRIM(D104))=0</formula>
    </cfRule>
  </conditionalFormatting>
  <conditionalFormatting sqref="D105">
    <cfRule type="containsBlanks" dxfId="47" priority="61">
      <formula>LEN(TRIM(D105))=0</formula>
    </cfRule>
  </conditionalFormatting>
  <conditionalFormatting sqref="D106:D107">
    <cfRule type="containsBlanks" dxfId="46" priority="60">
      <formula>LEN(TRIM(D106))=0</formula>
    </cfRule>
  </conditionalFormatting>
  <conditionalFormatting sqref="D108">
    <cfRule type="containsBlanks" dxfId="45" priority="59">
      <formula>LEN(TRIM(D108))=0</formula>
    </cfRule>
  </conditionalFormatting>
  <conditionalFormatting sqref="D127">
    <cfRule type="containsBlanks" dxfId="44" priority="58">
      <formula>LEN(TRIM(D127))=0</formula>
    </cfRule>
  </conditionalFormatting>
  <conditionalFormatting sqref="D109:D110">
    <cfRule type="containsBlanks" dxfId="43" priority="57">
      <formula>LEN(TRIM(D109))=0</formula>
    </cfRule>
  </conditionalFormatting>
  <conditionalFormatting sqref="D111">
    <cfRule type="containsBlanks" dxfId="42" priority="56">
      <formula>LEN(TRIM(D111))=0</formula>
    </cfRule>
  </conditionalFormatting>
  <conditionalFormatting sqref="D112">
    <cfRule type="containsBlanks" dxfId="41" priority="55">
      <formula>LEN(TRIM(D112))=0</formula>
    </cfRule>
  </conditionalFormatting>
  <conditionalFormatting sqref="D113:D114">
    <cfRule type="containsBlanks" dxfId="40" priority="54">
      <formula>LEN(TRIM(D113))=0</formula>
    </cfRule>
  </conditionalFormatting>
  <conditionalFormatting sqref="D115">
    <cfRule type="containsBlanks" dxfId="39" priority="53">
      <formula>LEN(TRIM(D115))=0</formula>
    </cfRule>
  </conditionalFormatting>
  <conditionalFormatting sqref="D116">
    <cfRule type="containsBlanks" dxfId="38" priority="52">
      <formula>LEN(TRIM(D116))=0</formula>
    </cfRule>
  </conditionalFormatting>
  <conditionalFormatting sqref="D117:D118">
    <cfRule type="containsBlanks" dxfId="37" priority="51">
      <formula>LEN(TRIM(D117))=0</formula>
    </cfRule>
  </conditionalFormatting>
  <conditionalFormatting sqref="D119">
    <cfRule type="containsBlanks" dxfId="36" priority="50">
      <formula>LEN(TRIM(D119))=0</formula>
    </cfRule>
  </conditionalFormatting>
  <conditionalFormatting sqref="D120">
    <cfRule type="containsBlanks" dxfId="35" priority="49">
      <formula>LEN(TRIM(D120))=0</formula>
    </cfRule>
  </conditionalFormatting>
  <conditionalFormatting sqref="D121:D122">
    <cfRule type="containsBlanks" dxfId="34" priority="48">
      <formula>LEN(TRIM(D121))=0</formula>
    </cfRule>
  </conditionalFormatting>
  <conditionalFormatting sqref="D123">
    <cfRule type="containsBlanks" dxfId="33" priority="47">
      <formula>LEN(TRIM(D123))=0</formula>
    </cfRule>
  </conditionalFormatting>
  <conditionalFormatting sqref="D129">
    <cfRule type="containsBlanks" dxfId="32" priority="46">
      <formula>LEN(TRIM(D129))=0</formula>
    </cfRule>
  </conditionalFormatting>
  <conditionalFormatting sqref="D130:D131">
    <cfRule type="containsBlanks" dxfId="31" priority="45">
      <formula>LEN(TRIM(D130))=0</formula>
    </cfRule>
  </conditionalFormatting>
  <conditionalFormatting sqref="D132">
    <cfRule type="containsBlanks" dxfId="30" priority="44">
      <formula>LEN(TRIM(D132))=0</formula>
    </cfRule>
  </conditionalFormatting>
  <conditionalFormatting sqref="D133">
    <cfRule type="containsBlanks" dxfId="29" priority="43">
      <formula>LEN(TRIM(D133))=0</formula>
    </cfRule>
  </conditionalFormatting>
  <conditionalFormatting sqref="D134:D135">
    <cfRule type="containsBlanks" dxfId="28" priority="42">
      <formula>LEN(TRIM(D134))=0</formula>
    </cfRule>
  </conditionalFormatting>
  <conditionalFormatting sqref="D136">
    <cfRule type="containsBlanks" dxfId="27" priority="41">
      <formula>LEN(TRIM(D136))=0</formula>
    </cfRule>
  </conditionalFormatting>
  <conditionalFormatting sqref="D137">
    <cfRule type="containsBlanks" dxfId="26" priority="40">
      <formula>LEN(TRIM(D137))=0</formula>
    </cfRule>
  </conditionalFormatting>
  <conditionalFormatting sqref="D138:D139">
    <cfRule type="containsBlanks" dxfId="25" priority="39">
      <formula>LEN(TRIM(D138))=0</formula>
    </cfRule>
  </conditionalFormatting>
  <conditionalFormatting sqref="D140">
    <cfRule type="containsBlanks" dxfId="24" priority="38">
      <formula>LEN(TRIM(D140))=0</formula>
    </cfRule>
  </conditionalFormatting>
  <conditionalFormatting sqref="D88">
    <cfRule type="containsBlanks" dxfId="23" priority="27">
      <formula>LEN(TRIM(D88))=0</formula>
    </cfRule>
  </conditionalFormatting>
  <conditionalFormatting sqref="D89">
    <cfRule type="containsBlanks" dxfId="22" priority="26">
      <formula>LEN(TRIM(D89))=0</formula>
    </cfRule>
  </conditionalFormatting>
  <conditionalFormatting sqref="D86:D87">
    <cfRule type="containsBlanks" dxfId="21" priority="28">
      <formula>LEN(TRIM(D86))=0</formula>
    </cfRule>
  </conditionalFormatting>
  <conditionalFormatting sqref="D90:D91">
    <cfRule type="containsBlanks" dxfId="20" priority="25">
      <formula>LEN(TRIM(D90))=0</formula>
    </cfRule>
  </conditionalFormatting>
  <conditionalFormatting sqref="D92">
    <cfRule type="containsBlanks" dxfId="19" priority="24">
      <formula>LEN(TRIM(D92))=0</formula>
    </cfRule>
  </conditionalFormatting>
  <conditionalFormatting sqref="D93">
    <cfRule type="containsBlanks" dxfId="18" priority="23">
      <formula>LEN(TRIM(D93))=0</formula>
    </cfRule>
  </conditionalFormatting>
  <conditionalFormatting sqref="D198">
    <cfRule type="containsBlanks" dxfId="17" priority="22">
      <formula>LEN(TRIM(D198))=0</formula>
    </cfRule>
  </conditionalFormatting>
  <conditionalFormatting sqref="D199">
    <cfRule type="containsBlanks" dxfId="16" priority="21">
      <formula>LEN(TRIM(D199))=0</formula>
    </cfRule>
  </conditionalFormatting>
  <conditionalFormatting sqref="D201">
    <cfRule type="containsBlanks" dxfId="15" priority="20">
      <formula>LEN(TRIM(D201))=0</formula>
    </cfRule>
  </conditionalFormatting>
  <conditionalFormatting sqref="D200">
    <cfRule type="containsBlanks" dxfId="14" priority="19">
      <formula>LEN(TRIM(D200))=0</formula>
    </cfRule>
  </conditionalFormatting>
  <conditionalFormatting sqref="D187:D190">
    <cfRule type="containsBlanks" dxfId="13" priority="18">
      <formula>LEN(TRIM(D187))=0</formula>
    </cfRule>
  </conditionalFormatting>
  <conditionalFormatting sqref="D191:D192">
    <cfRule type="containsBlanks" dxfId="12" priority="16">
      <formula>LEN(TRIM(D191))=0</formula>
    </cfRule>
  </conditionalFormatting>
  <conditionalFormatting sqref="D178:D181 D167:D170">
    <cfRule type="containsBlanks" dxfId="11" priority="12">
      <formula>LEN(TRIM(D167))=0</formula>
    </cfRule>
  </conditionalFormatting>
  <conditionalFormatting sqref="D177">
    <cfRule type="containsBlanks" dxfId="10" priority="11">
      <formula>LEN(TRIM(D177))=0</formula>
    </cfRule>
  </conditionalFormatting>
  <conditionalFormatting sqref="D171:D176">
    <cfRule type="containsBlanks" dxfId="9" priority="10">
      <formula>LEN(TRIM(D171))=0</formula>
    </cfRule>
  </conditionalFormatting>
  <conditionalFormatting sqref="D182">
    <cfRule type="containsBlanks" dxfId="8" priority="9">
      <formula>LEN(TRIM(D182))=0</formula>
    </cfRule>
  </conditionalFormatting>
  <conditionalFormatting sqref="D183:D184">
    <cfRule type="containsBlanks" dxfId="7" priority="8">
      <formula>LEN(TRIM(D183))=0</formula>
    </cfRule>
  </conditionalFormatting>
  <conditionalFormatting sqref="D185:D186">
    <cfRule type="containsBlanks" dxfId="6" priority="7">
      <formula>LEN(TRIM(D185))=0</formula>
    </cfRule>
  </conditionalFormatting>
  <conditionalFormatting sqref="D158:D161 D147:D150">
    <cfRule type="containsBlanks" dxfId="5" priority="6">
      <formula>LEN(TRIM(D147))=0</formula>
    </cfRule>
  </conditionalFormatting>
  <conditionalFormatting sqref="D157">
    <cfRule type="containsBlanks" dxfId="4" priority="5">
      <formula>LEN(TRIM(D157))=0</formula>
    </cfRule>
  </conditionalFormatting>
  <conditionalFormatting sqref="D151:D156">
    <cfRule type="containsBlanks" dxfId="3" priority="4">
      <formula>LEN(TRIM(D151))=0</formula>
    </cfRule>
  </conditionalFormatting>
  <conditionalFormatting sqref="D162">
    <cfRule type="containsBlanks" dxfId="2" priority="3">
      <formula>LEN(TRIM(D162))=0</formula>
    </cfRule>
  </conditionalFormatting>
  <conditionalFormatting sqref="D163:D164">
    <cfRule type="containsBlanks" dxfId="1" priority="2">
      <formula>LEN(TRIM(D163))=0</formula>
    </cfRule>
  </conditionalFormatting>
  <conditionalFormatting sqref="D165:D166">
    <cfRule type="containsBlanks" dxfId="0" priority="1">
      <formula>LEN(TRIM(D165))=0</formula>
    </cfRule>
  </conditionalFormatting>
  <hyperlinks>
    <hyperlink ref="C191" r:id="rId1" tooltip="http://www.vusch.sk" display="http://www.vusch.sk/"/>
  </hyperlinks>
  <printOptions horizontalCentered="1"/>
  <pageMargins left="0.70866141732283472" right="0.70866141732283472" top="0.9055118110236221" bottom="0.74803149606299213" header="0.31496062992125984" footer="0.31496062992125984"/>
  <pageSetup paperSize="9" scale="52" orientation="portrait" r:id="rId2"/>
  <headerFooter>
    <oddHeader>&amp;C&amp;"Arial,Normálne"&amp;16CENOVÁ PONUKA&amp;14
pre účel
prípravnej trhovej konzultácie a predbežného zapojenia záujemcov alebo uchádzačov (ďalej aj "PTK")</oddHeader>
    <oddFooter>&amp;CStrana &amp;P z &amp;N</oddFooter>
  </headerFooter>
  <drawing r:id="rId3"/>
  <legacyDrawing r:id="rId4"/>
  <mc:AlternateContent xmlns:mc="http://schemas.openxmlformats.org/markup-compatibility/2006">
    <mc:Choice Requires="x14">
      <controls>
        <mc:AlternateContent xmlns:mc="http://schemas.openxmlformats.org/markup-compatibility/2006">
          <mc:Choice Requires="x14">
            <control shapeId="8195" r:id="rId5"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6"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7"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8"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3-07-06T11:41:56Z</cp:lastPrinted>
  <dcterms:created xsi:type="dcterms:W3CDTF">2017-04-21T05:51:15Z</dcterms:created>
  <dcterms:modified xsi:type="dcterms:W3CDTF">2023-12-06T12:02:58Z</dcterms:modified>
</cp:coreProperties>
</file>